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924"/>
  <workbookPr/>
  <mc:AlternateContent xmlns:mc="http://schemas.openxmlformats.org/markup-compatibility/2006">
    <mc:Choice Requires="x15">
      <x15ac:absPath xmlns:x15ac="http://schemas.microsoft.com/office/spreadsheetml/2010/11/ac" url="https://vebego.sharepoint.com/sites/YSKKlantteam8-MA-GulpenWittem/Gedeelde documenten/MA - Gulpen Wittem/08 Bedrijfsvoering/aanbestedingen/2024-2027/OHC - W-installatie/01. Aanbestedingsdocs uitvraag/"/>
    </mc:Choice>
  </mc:AlternateContent>
  <xr:revisionPtr revIDLastSave="246" documentId="8_{F68DB086-C6BD-408A-8CF7-D8ED70A65F00}" xr6:coauthVersionLast="47" xr6:coauthVersionMax="47" xr10:uidLastSave="{8FA4F150-9440-4276-88C6-CC3D20ACC77C}"/>
  <bookViews>
    <workbookView xWindow="57480" yWindow="-120" windowWidth="29040" windowHeight="15720" xr2:uid="{323B0678-EE01-42D5-9BBC-007B3A134D18}"/>
  </bookViews>
  <sheets>
    <sheet name="Installatiegegevens" sheetId="1" r:id="rId1"/>
  </sheets>
  <definedNames>
    <definedName name="_xlnm._FilterDatabase" localSheetId="0">Installatiegegevens!$A$1:$M$247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1901" uniqueCount="470">
  <si>
    <t>Naam</t>
  </si>
  <si>
    <t>NL/SfB</t>
  </si>
  <si>
    <t>Element</t>
  </si>
  <si>
    <t>Locatie</t>
  </si>
  <si>
    <t>Conditie</t>
  </si>
  <si>
    <t>Hvh(berekend)</t>
  </si>
  <si>
    <t>Ehd</t>
  </si>
  <si>
    <t>Fabricaat</t>
  </si>
  <si>
    <t>Type</t>
  </si>
  <si>
    <t>Capaciteit</t>
  </si>
  <si>
    <t>Bouwjaar</t>
  </si>
  <si>
    <t>03 BMV/Gemeenschapshuis A ge Wienhoes E/W/B verwerkt</t>
  </si>
  <si>
    <t>pst</t>
  </si>
  <si>
    <t>m2</t>
  </si>
  <si>
    <t>st</t>
  </si>
  <si>
    <t>m1</t>
  </si>
  <si>
    <t>512114</t>
  </si>
  <si>
    <t>Atmosferische gasketels, HR</t>
  </si>
  <si>
    <t>Nefit</t>
  </si>
  <si>
    <t>Quinta 85</t>
  </si>
  <si>
    <t>84,2 kW</t>
  </si>
  <si>
    <t>Topline Compact HRC 30/CW5</t>
  </si>
  <si>
    <t>33,4 kW</t>
  </si>
  <si>
    <t>515103</t>
  </si>
  <si>
    <t>Lucht/lucht warmtepomp</t>
  </si>
  <si>
    <t>Mitsubishi Electric</t>
  </si>
  <si>
    <t>PUZ-ZM125YKA</t>
  </si>
  <si>
    <t>14 kW</t>
  </si>
  <si>
    <t>R32, 4 kg.</t>
  </si>
  <si>
    <t>Samengesteld</t>
  </si>
  <si>
    <t>552113</t>
  </si>
  <si>
    <t>Koelcel incl. aggregaat</t>
  </si>
  <si>
    <t>Dak</t>
  </si>
  <si>
    <t>Helpman</t>
  </si>
  <si>
    <t>PLV 25-6-POLUAL COATING</t>
  </si>
  <si>
    <t>561010</t>
  </si>
  <si>
    <t>Leidingen cv-installatie</t>
  </si>
  <si>
    <t>dunwandige precisiebuis</t>
  </si>
  <si>
    <t>561030</t>
  </si>
  <si>
    <t>Expansievat CV</t>
  </si>
  <si>
    <t>Flamco</t>
  </si>
  <si>
    <t>Flexcon 25/0,5</t>
  </si>
  <si>
    <t>25 Liter</t>
  </si>
  <si>
    <t>Ahlen</t>
  </si>
  <si>
    <t xml:space="preserve"> 18/1</t>
  </si>
  <si>
    <t>18 Liter</t>
  </si>
  <si>
    <t>561040</t>
  </si>
  <si>
    <t>Circulatiepomp warmtedistributie</t>
  </si>
  <si>
    <t>Grundfos</t>
  </si>
  <si>
    <t>UPS 25-60 180</t>
  </si>
  <si>
    <t>60 Watt</t>
  </si>
  <si>
    <t>561110</t>
  </si>
  <si>
    <t>Radiatoren</t>
  </si>
  <si>
    <t>Zaal</t>
  </si>
  <si>
    <t>Onbekend</t>
  </si>
  <si>
    <t>diverse plaatradiatoren</t>
  </si>
  <si>
    <t>572114</t>
  </si>
  <si>
    <t>Dakventilator algemeen</t>
  </si>
  <si>
    <t>-</t>
  </si>
  <si>
    <t>J.E. StorkAir / Zehnder</t>
  </si>
  <si>
    <t>Pijpventilator</t>
  </si>
  <si>
    <t>577146</t>
  </si>
  <si>
    <t>LBK toe-/afvoer buitenopstelling</t>
  </si>
  <si>
    <t>Solar &amp; Palau</t>
  </si>
  <si>
    <t>CADT-HE-D 45 LV PRO-REG CAG</t>
  </si>
  <si>
    <t>4500 m3/h</t>
  </si>
  <si>
    <t>met elektrische verwarmingsbatterij</t>
  </si>
  <si>
    <t>582010</t>
  </si>
  <si>
    <t>Regelkast</t>
  </si>
  <si>
    <t>Diverse componenten</t>
  </si>
  <si>
    <t>01 Clublokaal Scouting Mechelen E/W/B verwerkt</t>
  </si>
  <si>
    <t>572115</t>
  </si>
  <si>
    <t>Mechanische ventilatieunit</t>
  </si>
  <si>
    <t>Ventilatiebox</t>
  </si>
  <si>
    <t>552 m3/h</t>
  </si>
  <si>
    <t>Ziehl-ABEGG</t>
  </si>
  <si>
    <t>Trox</t>
  </si>
  <si>
    <t>MiniVent 3</t>
  </si>
  <si>
    <t>980 m3/h</t>
  </si>
  <si>
    <t>Reflex</t>
  </si>
  <si>
    <t>reflex 18N</t>
  </si>
  <si>
    <t>532200</t>
  </si>
  <si>
    <t>Voorraadboilers indirect gestookt</t>
  </si>
  <si>
    <t>NEFIT</t>
  </si>
  <si>
    <t>CV-BOILER 120L</t>
  </si>
  <si>
    <t>120 Liter</t>
  </si>
  <si>
    <t>512600</t>
  </si>
  <si>
    <t>Combiketels</t>
  </si>
  <si>
    <t>Ecomline HR</t>
  </si>
  <si>
    <t>28,8 kW</t>
  </si>
  <si>
    <t>511122</t>
  </si>
  <si>
    <t>Hetelucht heater</t>
  </si>
  <si>
    <t>Gasgestookte heater</t>
  </si>
  <si>
    <t>02 kleedlokalen sport RKMVC E/W/B verwerkt</t>
  </si>
  <si>
    <t xml:space="preserve">Remeha </t>
  </si>
  <si>
    <t>Quinta PRO 65</t>
  </si>
  <si>
    <t>65 kW</t>
  </si>
  <si>
    <t>532020</t>
  </si>
  <si>
    <t>Circulatiepomp warm tapwater</t>
  </si>
  <si>
    <t>UP15-14B PM</t>
  </si>
  <si>
    <t>7 Watt</t>
  </si>
  <si>
    <t>ALPHA2 25-40 n 130</t>
  </si>
  <si>
    <t>18 Watt</t>
  </si>
  <si>
    <t>532110</t>
  </si>
  <si>
    <t>Voorraadboiler gasgestookt</t>
  </si>
  <si>
    <t>CV-ruimte</t>
  </si>
  <si>
    <t>Sentry</t>
  </si>
  <si>
    <t>EWB250-NL</t>
  </si>
  <si>
    <t>297 Liter</t>
  </si>
  <si>
    <t>slangen in de vloer en gedeeltelijk opbouw</t>
  </si>
  <si>
    <t>Verdeler</t>
  </si>
  <si>
    <t>Flexcon 35/0,5</t>
  </si>
  <si>
    <t>35 Liter</t>
  </si>
  <si>
    <t>Chaysol</t>
  </si>
  <si>
    <t>UPE 7/7 CM/AL 147w 4P COMP</t>
  </si>
  <si>
    <t>04 kantine en kleedlokalen sport Partij-Wittem E/W/B verwerkt</t>
  </si>
  <si>
    <t>Soloketel</t>
  </si>
  <si>
    <t>TOPLINE HR 70</t>
  </si>
  <si>
    <t>65,2 kW</t>
  </si>
  <si>
    <t>NIBE</t>
  </si>
  <si>
    <t>PUB2 DS2-500L</t>
  </si>
  <si>
    <t>500 Liter</t>
  </si>
  <si>
    <t>J.E. StorkAir</t>
  </si>
  <si>
    <t>05 kantine en kleedlokalen sport SV Zwart-Wit '19 E/W/B verwerkt</t>
  </si>
  <si>
    <t>UPM2 25-70 130</t>
  </si>
  <si>
    <t>63 Watt</t>
  </si>
  <si>
    <t>Wilo</t>
  </si>
  <si>
    <t>Z20/2-1 P</t>
  </si>
  <si>
    <t>46 Watt</t>
  </si>
  <si>
    <t>ACV</t>
  </si>
  <si>
    <t>SMART 320</t>
  </si>
  <si>
    <t>263 Liter</t>
  </si>
  <si>
    <t>kantinedeel is voorzien van vloerverwarming.</t>
  </si>
  <si>
    <t>Flexcon 35/1</t>
  </si>
  <si>
    <t>Yonos PICO 25/1-4-130-(ROW)</t>
  </si>
  <si>
    <t>20 Watt</t>
  </si>
  <si>
    <t>RS25/4-3</t>
  </si>
  <si>
    <t>65 Watt</t>
  </si>
  <si>
    <t>561070</t>
  </si>
  <si>
    <t>Regelkleppen en stelmotoren warmtedistributie</t>
  </si>
  <si>
    <t>Honeywell</t>
  </si>
  <si>
    <t>VC8040-37</t>
  </si>
  <si>
    <t>561300</t>
  </si>
  <si>
    <t>Vloerverwarming</t>
  </si>
  <si>
    <t>Zehnder</t>
  </si>
  <si>
    <t>MX 210+WS</t>
  </si>
  <si>
    <t>412 Watt</t>
  </si>
  <si>
    <t>ATC</t>
  </si>
  <si>
    <t>BFA 315 TE5</t>
  </si>
  <si>
    <t>520 Watt</t>
  </si>
  <si>
    <t>06 BMV Gulpen Rosstraat 5 E/W/B verwerkt</t>
  </si>
  <si>
    <t>580000</t>
  </si>
  <si>
    <t>Regeling klimaat en sanitair</t>
  </si>
  <si>
    <t xml:space="preserve">Eldon </t>
  </si>
  <si>
    <t>MAS1008030R5</t>
  </si>
  <si>
    <t xml:space="preserve">Regelkast bestaande uit 4 stuks 230 volt automaat enkelpolig, 2 stuks 230 volt automaat dubbelpolig, 2 stuks relais, 1 stuks aardlekschakelaar, 2 stuks trafo MW, 1 stuks regelaar Niagara Server 8000, 3 stuks interventiemodule </t>
  </si>
  <si>
    <t>575211502</t>
  </si>
  <si>
    <t>Ventilatiesysteem CO2 gestuurd met WTW 200 - 400 m3/h</t>
  </si>
  <si>
    <t>Orcon</t>
  </si>
  <si>
    <t>WTU-EC-IE</t>
  </si>
  <si>
    <t xml:space="preserve">WTW Unit hangend aan het plafond </t>
  </si>
  <si>
    <t>572100</t>
  </si>
  <si>
    <t>Lokale afzuigventilator</t>
  </si>
  <si>
    <t>n.b</t>
  </si>
  <si>
    <t xml:space="preserve">t.b.v. keuken </t>
  </si>
  <si>
    <t>561310</t>
  </si>
  <si>
    <t>Comfortline</t>
  </si>
  <si>
    <t>6 groepen</t>
  </si>
  <si>
    <t xml:space="preserve">6 groeps vloerverwarmingsverdeler inclusief circulatiepomp (elders opgenomen) </t>
  </si>
  <si>
    <t>561120</t>
  </si>
  <si>
    <t>Paneelradiatoren</t>
  </si>
  <si>
    <t xml:space="preserve">Diversen </t>
  </si>
  <si>
    <t xml:space="preserve">8 stuks radiatoren op de 1ste verdieping </t>
  </si>
  <si>
    <t>561095</t>
  </si>
  <si>
    <t>Verdeler-/ verzamelaar CV groepen</t>
  </si>
  <si>
    <t>Diversen</t>
  </si>
  <si>
    <t xml:space="preserve">Aantal groepen:4 st.
Bestaande uit afsluiters, vul/aftap en geisoleerd </t>
  </si>
  <si>
    <t>553180</t>
  </si>
  <si>
    <t>Driewegmengklep</t>
  </si>
  <si>
    <t xml:space="preserve">Siemens </t>
  </si>
  <si>
    <t>SAS61</t>
  </si>
  <si>
    <t xml:space="preserve">Mengklep via LBK </t>
  </si>
  <si>
    <t>GQD121.9</t>
  </si>
  <si>
    <t>553170208</t>
  </si>
  <si>
    <t>Expansievat 50 ltr</t>
  </si>
  <si>
    <t xml:space="preserve">50 liter 1,5 bar </t>
  </si>
  <si>
    <t>50 liter</t>
  </si>
  <si>
    <t xml:space="preserve">1 stuks expansievat reflex 50 liter 1,5 bar </t>
  </si>
  <si>
    <t>553150602</t>
  </si>
  <si>
    <t>Circulatiepomp enkel DN 40 mm</t>
  </si>
  <si>
    <t>Biral</t>
  </si>
  <si>
    <t>Primax T2 RED</t>
  </si>
  <si>
    <t>Modula 40-4 220 RED</t>
  </si>
  <si>
    <t xml:space="preserve">Biral Modula 40-4 220 RED P/N 2200730350 PN6/10/16 
S/N 2001200047 </t>
  </si>
  <si>
    <t xml:space="preserve">Wilo </t>
  </si>
  <si>
    <t>Stratos Maxo 30/0,5-12</t>
  </si>
  <si>
    <t xml:space="preserve">Merk: Wilo, Type: Stratos Maxo 30/0,5-12 t.b.v. Hydrokit </t>
  </si>
  <si>
    <t xml:space="preserve">Para  KU 15/6/43-SCU </t>
  </si>
  <si>
    <t xml:space="preserve">Merk: Wilo, Type: Para  KU 15/6/43-SCU t.b.v. vloerverwarming </t>
  </si>
  <si>
    <t>551210502</t>
  </si>
  <si>
    <t>Split-Systeem binnendeel Cassette 2,5 - 3,5 kW</t>
  </si>
  <si>
    <t>LG</t>
  </si>
  <si>
    <t>532600204</t>
  </si>
  <si>
    <t>Buffervat 500 ltr.</t>
  </si>
  <si>
    <t>Austria</t>
  </si>
  <si>
    <t>WPPS 500 / SG</t>
  </si>
  <si>
    <t>500 liter</t>
  </si>
  <si>
    <t>Merk: Austria Email, Type: WPPS 500/ SG, Inhoud: 500 ltr.</t>
  </si>
  <si>
    <t>532120207</t>
  </si>
  <si>
    <t>Boiler elektrisch 120 liter</t>
  </si>
  <si>
    <t>Itho Daalderop</t>
  </si>
  <si>
    <t xml:space="preserve">Duo Koper 120 liter </t>
  </si>
  <si>
    <t xml:space="preserve">150 liter 3250 watt </t>
  </si>
  <si>
    <t>Merk: Itho Daalderop, Type: Duo Koper , Inhoud: 120 ltr.</t>
  </si>
  <si>
    <t>531050</t>
  </si>
  <si>
    <t>Keerkleppen</t>
  </si>
  <si>
    <t>VHS</t>
  </si>
  <si>
    <t>515110503</t>
  </si>
  <si>
    <t>Lucht/water warmtepomp &gt; 20 kW</t>
  </si>
  <si>
    <t>ARUM100LTE5</t>
  </si>
  <si>
    <t xml:space="preserve">LG Warmtepomp koudemiddel R410A 9,5 kg  co2 eq 19.831 
id nummers H2238153-6271BG5-001 
id nummers H2238153-6271BG5-002
Inclusief 2 stuks hydrokit LG ARNH10GK2A4 </t>
  </si>
  <si>
    <t>07 Horeca Parallelweg E/W/B verwerkt</t>
  </si>
  <si>
    <t>Pijpventilator met demper</t>
  </si>
  <si>
    <t>Onb</t>
  </si>
  <si>
    <t>Remeha</t>
  </si>
  <si>
    <t>Avanta 24c</t>
  </si>
  <si>
    <t>21,6 kW</t>
  </si>
  <si>
    <t>08 Kleedlokalen TV Tempo E/W/B verwerkt</t>
  </si>
  <si>
    <t>S&amp;P</t>
  </si>
  <si>
    <t>SILENT 100</t>
  </si>
  <si>
    <t>Flexcon 18/0,5</t>
  </si>
  <si>
    <t>CV-BOILER 80L</t>
  </si>
  <si>
    <t>Calenta Ace 25DS</t>
  </si>
  <si>
    <t>25,5 kW</t>
  </si>
  <si>
    <t>09 kantine en kleedlokalen sport SV Geuldal E/W/B verwerkt</t>
  </si>
  <si>
    <t>Combiketel</t>
  </si>
  <si>
    <t>Ecomline HR 30</t>
  </si>
  <si>
    <t>28,4  kW</t>
  </si>
  <si>
    <t>Avanta ACE 28c</t>
  </si>
  <si>
    <t>28 kW</t>
  </si>
  <si>
    <t>UP15-15Nx25</t>
  </si>
  <si>
    <t>32 Watt</t>
  </si>
  <si>
    <t>AO Smith</t>
  </si>
  <si>
    <t>BT 100N</t>
  </si>
  <si>
    <t>355 Liter</t>
  </si>
  <si>
    <t>5512</t>
  </si>
  <si>
    <t>Splitsysteem enkelvoudig 3 - 6 kW</t>
  </si>
  <si>
    <t>3 kW</t>
  </si>
  <si>
    <t>Dikwandig staal</t>
  </si>
  <si>
    <t>Diverse modellen plaatradiatoren</t>
  </si>
  <si>
    <t>10 Gemeentelager Gulpen E/W/B verwerkt</t>
  </si>
  <si>
    <t>511110</t>
  </si>
  <si>
    <t>Luchtverhitters gasgestookt</t>
  </si>
  <si>
    <t>Flair</t>
  </si>
  <si>
    <t>532120</t>
  </si>
  <si>
    <t>Boilers elektrisch</t>
  </si>
  <si>
    <t>Daalderop</t>
  </si>
  <si>
    <t>Close-in 10</t>
  </si>
  <si>
    <t>10 Liter</t>
  </si>
  <si>
    <t>Toshiba</t>
  </si>
  <si>
    <t>RAS-10SKV-E</t>
  </si>
  <si>
    <t>2,5 kW</t>
  </si>
  <si>
    <t>stk</t>
  </si>
  <si>
    <t>Dunwandige precisiebuis</t>
  </si>
  <si>
    <t>572111</t>
  </si>
  <si>
    <t>Axiaalventilator</t>
  </si>
  <si>
    <t>fan</t>
  </si>
  <si>
    <t>572113</t>
  </si>
  <si>
    <t>Buisventilator</t>
  </si>
  <si>
    <t>RRV 125/2</t>
  </si>
  <si>
    <t>125mm</t>
  </si>
  <si>
    <t>VDA 450/4D</t>
  </si>
  <si>
    <t xml:space="preserve"> 1,62 kW</t>
  </si>
  <si>
    <t>VDA 160/2EC</t>
  </si>
  <si>
    <t>170 Watt</t>
  </si>
  <si>
    <t>572116</t>
  </si>
  <si>
    <t>Muurventilator</t>
  </si>
  <si>
    <t>Vent-Axia</t>
  </si>
  <si>
    <t>P560 14/III AF</t>
  </si>
  <si>
    <t>11 Brandweerkazerne Gulpen E/W/B verwerkt</t>
  </si>
  <si>
    <t>5731</t>
  </si>
  <si>
    <t>Mechanische ventilatie-unit, boxventilator</t>
  </si>
  <si>
    <t>Soler e Palau</t>
  </si>
  <si>
    <t>CAB-125 ACUSTICA 50w 2P</t>
  </si>
  <si>
    <t>DECOR 100</t>
  </si>
  <si>
    <t>VDA 180/2EC</t>
  </si>
  <si>
    <t>0.27 kW</t>
  </si>
  <si>
    <t>Ledenradiator</t>
  </si>
  <si>
    <t>RAV-SM562XT-E</t>
  </si>
  <si>
    <t>5 kw</t>
  </si>
  <si>
    <t>5111</t>
  </si>
  <si>
    <t>Hetelucht heather &lt;30kW</t>
  </si>
  <si>
    <t>Gas</t>
  </si>
  <si>
    <t>12 kantine en kleedlokalen sport LTC Gulpen E/W/B verwerkt</t>
  </si>
  <si>
    <t>5321</t>
  </si>
  <si>
    <t>Boiler elektrisch 150 liter</t>
  </si>
  <si>
    <t>Daalderop 150 liter mono-3 koper</t>
  </si>
  <si>
    <t>07.11.49.254</t>
  </si>
  <si>
    <t>150 Liter</t>
  </si>
  <si>
    <t>5721</t>
  </si>
  <si>
    <t>Ventilator gevel</t>
  </si>
  <si>
    <t>13 Voetbal Ringweg 14 FC Gulpen E/W/B verwerkt</t>
  </si>
  <si>
    <t>Flexcon 50/0,5</t>
  </si>
  <si>
    <t>50 Liter</t>
  </si>
  <si>
    <t>gedeeltelijk slangen en gedeeltelijk dunwandige precisiebuis</t>
  </si>
  <si>
    <t>Nippon Electric</t>
  </si>
  <si>
    <t>NOW-35-1 /NIW-35-1</t>
  </si>
  <si>
    <t>3,5 kW</t>
  </si>
  <si>
    <t>R32, 0.69kg</t>
  </si>
  <si>
    <t>Itho</t>
  </si>
  <si>
    <t>GGBB 500 001</t>
  </si>
  <si>
    <t>Topline HR 70</t>
  </si>
  <si>
    <t>15 Wachtruimte en kantoor busstation E/W/B verwerkt</t>
  </si>
  <si>
    <t>N8 TOPLINE COMPACT HRC 30/CW5</t>
  </si>
  <si>
    <t>29,2 kW</t>
  </si>
  <si>
    <t>UKV 40</t>
  </si>
  <si>
    <t>40 Liter</t>
  </si>
  <si>
    <t>551200</t>
  </si>
  <si>
    <t>Multi-Splitsystemen</t>
  </si>
  <si>
    <t>Western electronics</t>
  </si>
  <si>
    <t>FJS-WAW... 4x binnendeel</t>
  </si>
  <si>
    <t>10,84 kW</t>
  </si>
  <si>
    <t>Mechanische WTW-unit</t>
  </si>
  <si>
    <t>WHR 950 Basis L</t>
  </si>
  <si>
    <t>450 m3/h</t>
  </si>
  <si>
    <t>16 BMV/Gemeenschapshuis Pres. J.F. Kennedystraat E/W/B verwerkt</t>
  </si>
  <si>
    <t>Calenta 28c</t>
  </si>
  <si>
    <t>Bergschenhoek</t>
  </si>
  <si>
    <t>Boxventilator</t>
  </si>
  <si>
    <t>Air Trade Centre</t>
  </si>
  <si>
    <t>BUPE</t>
  </si>
  <si>
    <t>17 opslag Jonkheid Planckertweg 3 E/W/B verwerkt</t>
  </si>
  <si>
    <t>Atmosferische gasketels, HR (Soloketel)</t>
  </si>
  <si>
    <t>Quinta 30s</t>
  </si>
  <si>
    <t>28,5 kW</t>
  </si>
  <si>
    <t>Aqua pro</t>
  </si>
  <si>
    <t>150 liter</t>
  </si>
  <si>
    <t>18 kantine en kleedlokalen sport Planckertweg 1 E/W/B verwerkt</t>
  </si>
  <si>
    <t>Gevelkachel</t>
  </si>
  <si>
    <t>Biddle</t>
  </si>
  <si>
    <t>5121</t>
  </si>
  <si>
    <t>CV-pomp individueel</t>
  </si>
  <si>
    <t>grundfos</t>
  </si>
  <si>
    <t>UPS 25-80 180</t>
  </si>
  <si>
    <t>Quinta pro 90</t>
  </si>
  <si>
    <t>89,5 kW</t>
  </si>
  <si>
    <t>Nibe</t>
  </si>
  <si>
    <t>PUB2 DS2-300L</t>
  </si>
  <si>
    <t>300 liter</t>
  </si>
  <si>
    <t>Flexvat 25/0,5</t>
  </si>
  <si>
    <t>onbekend</t>
  </si>
  <si>
    <t>19 Brandweerkazerne Mechelen E/W/B verwerkt</t>
  </si>
  <si>
    <t>29.6  kW</t>
  </si>
  <si>
    <t>Agpo</t>
  </si>
  <si>
    <t>AQUAFORTE AF 120</t>
  </si>
  <si>
    <t>120 liter</t>
  </si>
  <si>
    <t xml:space="preserve">Splitsysteem enkelvoudig 3 - 6 kW </t>
  </si>
  <si>
    <t>RAS-16SAV-E</t>
  </si>
  <si>
    <t>2,3  kw</t>
  </si>
  <si>
    <t>NedAir</t>
  </si>
  <si>
    <t>225/6W</t>
  </si>
  <si>
    <t>0.14 kW</t>
  </si>
  <si>
    <t>Dakventilator algemeen remise</t>
  </si>
  <si>
    <t>Recirculatie ventilator</t>
  </si>
  <si>
    <t>Mark</t>
  </si>
  <si>
    <t>Ecofan w 42 + Th.</t>
  </si>
  <si>
    <t>Box ventilator</t>
  </si>
  <si>
    <t>5810</t>
  </si>
  <si>
    <t>Persluchtdroger, koelmiddel R513A</t>
  </si>
  <si>
    <t>Airpress</t>
  </si>
  <si>
    <t>APX 6(E1)</t>
  </si>
  <si>
    <t>591095</t>
  </si>
  <si>
    <t>Compressor</t>
  </si>
  <si>
    <t>AP320+ Silent</t>
  </si>
  <si>
    <t>420 l/min</t>
  </si>
  <si>
    <t>20 BMV/Gemeenschapshuis A gen Ing E/W/B verwerkt</t>
  </si>
  <si>
    <t>Reflex N 25/1</t>
  </si>
  <si>
    <t>572112</t>
  </si>
  <si>
    <t>CAB-160 ECOWATT</t>
  </si>
  <si>
    <t>675 m3/h</t>
  </si>
  <si>
    <t>LBK toe-/afvoer buitenopstelling met WTW</t>
  </si>
  <si>
    <t>Thermo Air</t>
  </si>
  <si>
    <t>2x DDEC-11-11</t>
  </si>
  <si>
    <t>4716 m3/h</t>
  </si>
  <si>
    <t>21 kantine en kleedlokalen sport LTC Wittem E/W/B verwerkt</t>
  </si>
  <si>
    <t>Boiler elektrisch &gt;250 liter</t>
  </si>
  <si>
    <t>Stiebel Eltron</t>
  </si>
  <si>
    <t>HSTP 300</t>
  </si>
  <si>
    <t>300 Liter</t>
  </si>
  <si>
    <t>Mechanische ventilatieunit BUITEN GEBRUIK!</t>
  </si>
  <si>
    <t>22 Clublokaal Hondenclub Wahlwiller E/W/B verwerkt</t>
  </si>
  <si>
    <t>Toiletafzuiging</t>
  </si>
  <si>
    <t>23 BMV/Gemeenschapshuis Mechelen E/W/B verwerkt</t>
  </si>
  <si>
    <t>577210</t>
  </si>
  <si>
    <t>Warmte-terugwin-unit</t>
  </si>
  <si>
    <t>Brink Climate Systems</t>
  </si>
  <si>
    <t>Renovent Excellent 400 4/0 L</t>
  </si>
  <si>
    <t>400 m3/h</t>
  </si>
  <si>
    <t>MARK</t>
  </si>
  <si>
    <t>HCP 4800</t>
  </si>
  <si>
    <t>4800 m3/h</t>
  </si>
  <si>
    <t>F,V,WTW.</t>
  </si>
  <si>
    <t>Xpelair</t>
  </si>
  <si>
    <t>diverse</t>
  </si>
  <si>
    <t>Plafondventilator</t>
  </si>
  <si>
    <t>91084A W</t>
  </si>
  <si>
    <t>Gymzaal</t>
  </si>
  <si>
    <t>Koelkast incl. aggregaat</t>
  </si>
  <si>
    <t>Gamko</t>
  </si>
  <si>
    <t>LK165ST</t>
  </si>
  <si>
    <t>MaxiCool</t>
  </si>
  <si>
    <t>LMD-AER-24HDI-O</t>
  </si>
  <si>
    <t>2,4 kW</t>
  </si>
  <si>
    <t>80 LITER DUO KOPER</t>
  </si>
  <si>
    <t>80 Liter</t>
  </si>
  <si>
    <t>UP 20-15 N 150</t>
  </si>
  <si>
    <t>66,5 kW</t>
  </si>
  <si>
    <t>24 BMV/Gemeenschapshuis Gymzaal Eys E/W/B verwerkt</t>
  </si>
  <si>
    <t>577150</t>
  </si>
  <si>
    <t>LBK toevoer binnenopstelling</t>
  </si>
  <si>
    <t>Klima Thermo-Tech b.v.</t>
  </si>
  <si>
    <t>MD-06</t>
  </si>
  <si>
    <t>6000 m3/h</t>
  </si>
  <si>
    <t>Systemair</t>
  </si>
  <si>
    <t>DVS 311DV REV5/7</t>
  </si>
  <si>
    <t>0,09 kW</t>
  </si>
  <si>
    <t>PUB2-300L</t>
  </si>
  <si>
    <t>270 Liter</t>
  </si>
  <si>
    <t>UP20-45 N 150</t>
  </si>
  <si>
    <t>135 Watt</t>
  </si>
  <si>
    <t>Quinta PRO 45</t>
  </si>
  <si>
    <t>45  kW</t>
  </si>
  <si>
    <t>65  kW</t>
  </si>
  <si>
    <t>25 Brandweerkazerne Nijswiller E/W/B verwerkt</t>
  </si>
  <si>
    <t>ITHO</t>
  </si>
  <si>
    <t>CVD 473-WS</t>
  </si>
  <si>
    <t>350 m3/h</t>
  </si>
  <si>
    <t>Frigoline</t>
  </si>
  <si>
    <t>FLSC-12HRDN1-QC2</t>
  </si>
  <si>
    <t>3,5</t>
  </si>
  <si>
    <t>50 LITER MONO-PLUS KOPER</t>
  </si>
  <si>
    <t>Code</t>
  </si>
  <si>
    <t>G008</t>
  </si>
  <si>
    <t>G010</t>
  </si>
  <si>
    <t>G020</t>
  </si>
  <si>
    <t>G012</t>
  </si>
  <si>
    <t>G021</t>
  </si>
  <si>
    <t>G013</t>
  </si>
  <si>
    <t>G016</t>
  </si>
  <si>
    <t>G029</t>
  </si>
  <si>
    <t>G024</t>
  </si>
  <si>
    <t>G051</t>
  </si>
  <si>
    <t>G022</t>
  </si>
  <si>
    <t>G030</t>
  </si>
  <si>
    <t>G034</t>
  </si>
  <si>
    <t>G038</t>
  </si>
  <si>
    <t>G040</t>
  </si>
  <si>
    <t>G041</t>
  </si>
  <si>
    <t>G043</t>
  </si>
  <si>
    <t>G044.1</t>
  </si>
  <si>
    <t>G046</t>
  </si>
  <si>
    <t>G047</t>
  </si>
  <si>
    <t>G048</t>
  </si>
  <si>
    <t>G049</t>
  </si>
  <si>
    <t>G093</t>
  </si>
  <si>
    <t>R32, 1.6 kg</t>
  </si>
  <si>
    <t>4x binnendeel, 2x 9000 btu/h, 1x 7000 btu/h en 1x 12000 btu/h</t>
  </si>
  <si>
    <t>met elektrische verwarmingsbatterij, WTW</t>
  </si>
  <si>
    <t>R134A, 2,2 kg</t>
  </si>
  <si>
    <t>Alleen verwarme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164" formatCode="#"/>
    <numFmt numFmtId="165" formatCode="####"/>
    <numFmt numFmtId="166" formatCode="#########0.00"/>
  </numFmts>
  <fonts count="9" x14ac:knownFonts="1">
    <font>
      <sz val="11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36"/>
      <color theme="3"/>
      <name val="Calibri"/>
      <family val="2"/>
      <scheme val="minor"/>
    </font>
    <font>
      <sz val="20"/>
      <color theme="8"/>
      <name val="Calibri"/>
      <family val="2"/>
      <scheme val="minor"/>
    </font>
    <font>
      <b/>
      <sz val="12"/>
      <color theme="8"/>
      <name val="Calibri"/>
      <family val="2"/>
      <scheme val="minor"/>
    </font>
    <font>
      <sz val="36"/>
      <color theme="8"/>
      <name val="Calibri"/>
      <family val="2"/>
      <scheme val="major"/>
    </font>
    <font>
      <sz val="8.25"/>
      <color rgb="FF000000"/>
      <name val="Tahoma"/>
    </font>
    <font>
      <sz val="8.5"/>
      <color theme="1"/>
      <name val="Tahoma"/>
      <family val="2"/>
    </font>
    <font>
      <sz val="8.25"/>
      <color rgb="FF000000"/>
      <name val="Tahoma"/>
      <family val="2"/>
    </font>
  </fonts>
  <fills count="4">
    <fill>
      <patternFill patternType="none"/>
    </fill>
    <fill>
      <patternFill patternType="gray125"/>
    </fill>
    <fill>
      <patternFill patternType="solid">
        <fgColor rgb="FFD3D3D3"/>
      </patternFill>
    </fill>
    <fill>
      <patternFill patternType="solid">
        <fgColor rgb="FFFFFFFF"/>
      </patternFill>
    </fill>
  </fills>
  <borders count="2">
    <border>
      <left/>
      <right/>
      <top/>
      <bottom/>
      <diagonal/>
    </border>
    <border>
      <left style="thin">
        <color rgb="FFA9A9A9"/>
      </left>
      <right style="thin">
        <color rgb="FFA9A9A9"/>
      </right>
      <top style="thin">
        <color rgb="FFA9A9A9"/>
      </top>
      <bottom style="thin">
        <color rgb="FFA9A9A9"/>
      </bottom>
      <diagonal/>
    </border>
  </borders>
  <cellStyleXfs count="6">
    <xf numFmtId="0" fontId="0" fillId="0" borderId="0"/>
    <xf numFmtId="0" fontId="5" fillId="0" borderId="0" applyNumberFormat="0" applyFill="0" applyBorder="0" applyAlignment="0" applyProtection="0"/>
    <xf numFmtId="0" fontId="2" fillId="0" borderId="0" applyNumberFormat="0" applyFill="0" applyBorder="0" applyAlignment="0" applyProtection="0"/>
    <xf numFmtId="0" fontId="3" fillId="0" borderId="0" applyNumberFormat="0" applyFill="0" applyAlignment="0" applyProtection="0"/>
    <xf numFmtId="0" fontId="4" fillId="0" borderId="0" applyNumberFormat="0" applyFill="0" applyAlignment="0" applyProtection="0"/>
    <xf numFmtId="0" fontId="1" fillId="0" borderId="0" applyNumberFormat="0" applyFill="0" applyBorder="0" applyAlignment="0" applyProtection="0"/>
  </cellStyleXfs>
  <cellXfs count="10">
    <xf numFmtId="0" fontId="0" fillId="0" borderId="0" xfId="0"/>
    <xf numFmtId="49" fontId="6" fillId="3" borderId="1" xfId="0" applyNumberFormat="1" applyFont="1" applyFill="1" applyBorder="1" applyAlignment="1">
      <alignment horizontal="left" vertical="center" readingOrder="1"/>
    </xf>
    <xf numFmtId="164" fontId="6" fillId="3" borderId="1" xfId="0" applyNumberFormat="1" applyFont="1" applyFill="1" applyBorder="1" applyAlignment="1">
      <alignment horizontal="right" vertical="center" readingOrder="1"/>
    </xf>
    <xf numFmtId="165" fontId="6" fillId="3" borderId="1" xfId="0" applyNumberFormat="1" applyFont="1" applyFill="1" applyBorder="1" applyAlignment="1">
      <alignment horizontal="right" vertical="center" readingOrder="1"/>
    </xf>
    <xf numFmtId="166" fontId="6" fillId="3" borderId="1" xfId="0" applyNumberFormat="1" applyFont="1" applyFill="1" applyBorder="1" applyAlignment="1">
      <alignment horizontal="right" vertical="center" readingOrder="1"/>
    </xf>
    <xf numFmtId="0" fontId="7" fillId="0" borderId="0" xfId="0" applyFont="1"/>
    <xf numFmtId="49" fontId="8" fillId="3" borderId="1" xfId="0" applyNumberFormat="1" applyFont="1" applyFill="1" applyBorder="1" applyAlignment="1">
      <alignment horizontal="left" vertical="center" readingOrder="1"/>
    </xf>
    <xf numFmtId="49" fontId="6" fillId="0" borderId="1" xfId="0" applyNumberFormat="1" applyFont="1" applyFill="1" applyBorder="1" applyAlignment="1">
      <alignment horizontal="left" vertical="top" wrapText="1" readingOrder="1"/>
    </xf>
    <xf numFmtId="0" fontId="0" fillId="0" borderId="0" xfId="0" applyFill="1"/>
    <xf numFmtId="49" fontId="6" fillId="2" borderId="1" xfId="0" applyNumberFormat="1" applyFont="1" applyFill="1" applyBorder="1" applyAlignment="1">
      <alignment horizontal="left" vertical="center" readingOrder="1"/>
    </xf>
  </cellXfs>
  <cellStyles count="6">
    <cellStyle name="Kop 1" xfId="2" builtinId="16" customBuiltin="1"/>
    <cellStyle name="Kop 2" xfId="3" builtinId="17" customBuiltin="1"/>
    <cellStyle name="Kop 3" xfId="4" builtinId="18" customBuiltin="1"/>
    <cellStyle name="Kop 4" xfId="5" builtinId="19" customBuiltin="1"/>
    <cellStyle name="Standaard" xfId="0" builtinId="0"/>
    <cellStyle name="Titel" xfId="1" builtinId="15" customBuiltin="1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Kantoorthema">
  <a:themeElements>
    <a:clrScheme name="Vebego 2022 DEF">
      <a:dk1>
        <a:sysClr val="windowText" lastClr="000000"/>
      </a:dk1>
      <a:lt1>
        <a:sysClr val="window" lastClr="FFFFFF"/>
      </a:lt1>
      <a:dk2>
        <a:srgbClr val="282A86"/>
      </a:dk2>
      <a:lt2>
        <a:srgbClr val="EBE5F2"/>
      </a:lt2>
      <a:accent1>
        <a:srgbClr val="562082"/>
      </a:accent1>
      <a:accent2>
        <a:srgbClr val="9370AD"/>
      </a:accent2>
      <a:accent3>
        <a:srgbClr val="990D7F"/>
      </a:accent3>
      <a:accent4>
        <a:srgbClr val="C26EB0"/>
      </a:accent4>
      <a:accent5>
        <a:srgbClr val="282A86"/>
      </a:accent5>
      <a:accent6>
        <a:srgbClr val="7E80BA"/>
      </a:accent6>
      <a:hlink>
        <a:srgbClr val="282A86"/>
      </a:hlink>
      <a:folHlink>
        <a:srgbClr val="282A86"/>
      </a:folHlink>
    </a:clrScheme>
    <a:fontScheme name="Vebego 2022 Word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Vebego blue">
      <a:srgbClr val="00ACEA"/>
    </a:custClr>
    <a:custClr name="Vebego orange">
      <a:srgbClr val="F69915"/>
    </a:custClr>
    <a:custClr name="Vebego pink">
      <a:srgbClr val="B92D85"/>
    </a:custClr>
    <a:custClr name="Vebego red">
      <a:srgbClr val="E9074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CF04D33-8B8E-4B9C-8D47-1C0C79DC9C4F}">
  <dimension ref="A1:M247"/>
  <sheetViews>
    <sheetView tabSelected="1" topLeftCell="A73" zoomScaleNormal="100" workbookViewId="0">
      <selection activeCell="D124" sqref="D124"/>
    </sheetView>
  </sheetViews>
  <sheetFormatPr defaultColWidth="48.88671875" defaultRowHeight="14.4" x14ac:dyDescent="0.3"/>
  <cols>
    <col min="1" max="1" width="6.6640625" bestFit="1" customWidth="1"/>
    <col min="2" max="2" width="48.5546875" bestFit="1" customWidth="1"/>
    <col min="3" max="3" width="8.77734375" bestFit="1" customWidth="1"/>
    <col min="4" max="4" width="42.109375" bestFit="1" customWidth="1"/>
    <col min="5" max="5" width="7.88671875" bestFit="1" customWidth="1"/>
    <col min="6" max="6" width="8.5546875" bestFit="1" customWidth="1"/>
    <col min="7" max="7" width="13.21875" bestFit="1" customWidth="1"/>
    <col min="8" max="8" width="5.6640625" bestFit="1" customWidth="1"/>
    <col min="9" max="9" width="24.109375" bestFit="1" customWidth="1"/>
    <col min="10" max="10" width="41.6640625" bestFit="1" customWidth="1"/>
    <col min="11" max="11" width="14.21875" bestFit="1" customWidth="1"/>
    <col min="12" max="12" width="9.44140625" bestFit="1" customWidth="1"/>
    <col min="13" max="13" width="157.44140625" style="8" bestFit="1" customWidth="1"/>
  </cols>
  <sheetData>
    <row r="1" spans="1:13" x14ac:dyDescent="0.3">
      <c r="A1" s="9" t="s">
        <v>441</v>
      </c>
      <c r="B1" s="9" t="s">
        <v>0</v>
      </c>
      <c r="C1" s="9" t="s">
        <v>1</v>
      </c>
      <c r="D1" s="9" t="s">
        <v>2</v>
      </c>
      <c r="E1" s="9" t="s">
        <v>3</v>
      </c>
      <c r="F1" s="9" t="s">
        <v>4</v>
      </c>
      <c r="G1" s="9" t="s">
        <v>5</v>
      </c>
      <c r="H1" s="9" t="s">
        <v>6</v>
      </c>
      <c r="I1" s="9" t="s">
        <v>7</v>
      </c>
      <c r="J1" s="9" t="s">
        <v>8</v>
      </c>
      <c r="K1" s="9" t="s">
        <v>9</v>
      </c>
      <c r="L1" s="9" t="s">
        <v>10</v>
      </c>
      <c r="M1" s="9" t="s">
        <v>10</v>
      </c>
    </row>
    <row r="2" spans="1:13" x14ac:dyDescent="0.3">
      <c r="A2" s="5" t="s">
        <v>442</v>
      </c>
      <c r="B2" s="1" t="s">
        <v>70</v>
      </c>
      <c r="C2" s="1" t="s">
        <v>71</v>
      </c>
      <c r="D2" s="1" t="s">
        <v>72</v>
      </c>
      <c r="E2" s="1"/>
      <c r="F2" s="2">
        <v>4</v>
      </c>
      <c r="G2" s="4">
        <v>1</v>
      </c>
      <c r="H2" s="1" t="s">
        <v>12</v>
      </c>
      <c r="I2" s="1" t="s">
        <v>54</v>
      </c>
      <c r="J2" s="1" t="s">
        <v>73</v>
      </c>
      <c r="K2" s="1" t="s">
        <v>74</v>
      </c>
      <c r="L2" s="3">
        <v>2015</v>
      </c>
      <c r="M2" s="7"/>
    </row>
    <row r="3" spans="1:13" x14ac:dyDescent="0.3">
      <c r="A3" s="5" t="s">
        <v>442</v>
      </c>
      <c r="B3" s="1" t="s">
        <v>70</v>
      </c>
      <c r="C3" s="1" t="s">
        <v>56</v>
      </c>
      <c r="D3" s="1" t="s">
        <v>57</v>
      </c>
      <c r="E3" s="1"/>
      <c r="F3" s="2">
        <v>4</v>
      </c>
      <c r="G3" s="4">
        <v>1</v>
      </c>
      <c r="H3" s="1" t="s">
        <v>12</v>
      </c>
      <c r="I3" s="1" t="s">
        <v>54</v>
      </c>
      <c r="J3" s="1" t="s">
        <v>54</v>
      </c>
      <c r="K3" s="1" t="s">
        <v>58</v>
      </c>
      <c r="L3" s="3">
        <v>2000</v>
      </c>
      <c r="M3" s="7"/>
    </row>
    <row r="4" spans="1:13" x14ac:dyDescent="0.3">
      <c r="A4" s="5" t="s">
        <v>442</v>
      </c>
      <c r="B4" s="1" t="s">
        <v>70</v>
      </c>
      <c r="C4" s="1" t="s">
        <v>56</v>
      </c>
      <c r="D4" s="1" t="s">
        <v>57</v>
      </c>
      <c r="E4" s="1" t="s">
        <v>32</v>
      </c>
      <c r="F4" s="2">
        <v>4</v>
      </c>
      <c r="G4" s="4">
        <v>1</v>
      </c>
      <c r="H4" s="1" t="s">
        <v>12</v>
      </c>
      <c r="I4" s="1" t="s">
        <v>54</v>
      </c>
      <c r="J4" s="1" t="s">
        <v>54</v>
      </c>
      <c r="K4" s="1" t="s">
        <v>58</v>
      </c>
      <c r="L4" s="3">
        <v>2000</v>
      </c>
      <c r="M4" s="7"/>
    </row>
    <row r="5" spans="1:13" x14ac:dyDescent="0.3">
      <c r="A5" s="5" t="s">
        <v>442</v>
      </c>
      <c r="B5" s="1" t="s">
        <v>70</v>
      </c>
      <c r="C5" s="1" t="s">
        <v>56</v>
      </c>
      <c r="D5" s="1" t="s">
        <v>57</v>
      </c>
      <c r="E5" s="1"/>
      <c r="F5" s="2">
        <v>4</v>
      </c>
      <c r="G5" s="4">
        <v>1</v>
      </c>
      <c r="H5" s="1" t="s">
        <v>12</v>
      </c>
      <c r="I5" s="1" t="s">
        <v>75</v>
      </c>
      <c r="J5" s="1" t="s">
        <v>54</v>
      </c>
      <c r="K5" s="1" t="s">
        <v>58</v>
      </c>
      <c r="L5" s="3">
        <v>2000</v>
      </c>
      <c r="M5" s="7"/>
    </row>
    <row r="6" spans="1:13" x14ac:dyDescent="0.3">
      <c r="A6" s="5" t="s">
        <v>442</v>
      </c>
      <c r="B6" s="1" t="s">
        <v>70</v>
      </c>
      <c r="C6" s="1" t="s">
        <v>56</v>
      </c>
      <c r="D6" s="1" t="s">
        <v>57</v>
      </c>
      <c r="E6" s="1" t="s">
        <v>32</v>
      </c>
      <c r="F6" s="2">
        <v>4</v>
      </c>
      <c r="G6" s="4">
        <v>1</v>
      </c>
      <c r="H6" s="1" t="s">
        <v>12</v>
      </c>
      <c r="I6" s="1" t="s">
        <v>75</v>
      </c>
      <c r="J6" s="1" t="s">
        <v>54</v>
      </c>
      <c r="K6" s="1" t="s">
        <v>58</v>
      </c>
      <c r="L6" s="3">
        <v>2000</v>
      </c>
      <c r="M6" s="7"/>
    </row>
    <row r="7" spans="1:13" x14ac:dyDescent="0.3">
      <c r="A7" s="5" t="s">
        <v>442</v>
      </c>
      <c r="B7" s="1" t="s">
        <v>70</v>
      </c>
      <c r="C7" s="1" t="s">
        <v>56</v>
      </c>
      <c r="D7" s="1" t="s">
        <v>57</v>
      </c>
      <c r="E7" s="1"/>
      <c r="F7" s="2">
        <v>4</v>
      </c>
      <c r="G7" s="4">
        <v>1</v>
      </c>
      <c r="H7" s="1" t="s">
        <v>12</v>
      </c>
      <c r="I7" s="1" t="s">
        <v>76</v>
      </c>
      <c r="J7" s="1" t="s">
        <v>77</v>
      </c>
      <c r="K7" s="1" t="s">
        <v>78</v>
      </c>
      <c r="L7" s="3">
        <v>2000</v>
      </c>
      <c r="M7" s="7"/>
    </row>
    <row r="8" spans="1:13" x14ac:dyDescent="0.3">
      <c r="A8" s="5" t="s">
        <v>442</v>
      </c>
      <c r="B8" s="1" t="s">
        <v>70</v>
      </c>
      <c r="C8" s="1" t="s">
        <v>56</v>
      </c>
      <c r="D8" s="1" t="s">
        <v>57</v>
      </c>
      <c r="E8" s="1"/>
      <c r="F8" s="2">
        <v>4</v>
      </c>
      <c r="G8" s="4">
        <v>1</v>
      </c>
      <c r="H8" s="1" t="s">
        <v>12</v>
      </c>
      <c r="I8" s="1" t="s">
        <v>76</v>
      </c>
      <c r="J8" s="1" t="s">
        <v>77</v>
      </c>
      <c r="K8" s="1" t="s">
        <v>78</v>
      </c>
      <c r="L8" s="3">
        <v>2000</v>
      </c>
      <c r="M8" s="7"/>
    </row>
    <row r="9" spans="1:13" x14ac:dyDescent="0.3">
      <c r="A9" s="5" t="s">
        <v>442</v>
      </c>
      <c r="B9" s="1" t="s">
        <v>70</v>
      </c>
      <c r="C9" s="1" t="s">
        <v>51</v>
      </c>
      <c r="D9" s="1" t="s">
        <v>52</v>
      </c>
      <c r="E9" s="1"/>
      <c r="F9" s="2">
        <v>4</v>
      </c>
      <c r="G9" s="4">
        <v>11</v>
      </c>
      <c r="H9" s="1" t="s">
        <v>14</v>
      </c>
      <c r="I9" s="1" t="s">
        <v>54</v>
      </c>
      <c r="J9" s="1"/>
      <c r="K9" s="1"/>
      <c r="L9" s="3">
        <v>1980</v>
      </c>
      <c r="M9" s="7"/>
    </row>
    <row r="10" spans="1:13" x14ac:dyDescent="0.3">
      <c r="A10" s="5" t="s">
        <v>442</v>
      </c>
      <c r="B10" s="1" t="s">
        <v>70</v>
      </c>
      <c r="C10" s="1" t="s">
        <v>38</v>
      </c>
      <c r="D10" s="1" t="s">
        <v>39</v>
      </c>
      <c r="E10" s="1"/>
      <c r="F10" s="2">
        <v>1</v>
      </c>
      <c r="G10" s="4">
        <v>1</v>
      </c>
      <c r="H10" s="1" t="s">
        <v>14</v>
      </c>
      <c r="I10" s="1" t="s">
        <v>79</v>
      </c>
      <c r="J10" s="1" t="s">
        <v>80</v>
      </c>
      <c r="K10" s="1" t="s">
        <v>45</v>
      </c>
      <c r="L10" s="3">
        <v>2021</v>
      </c>
      <c r="M10" s="7"/>
    </row>
    <row r="11" spans="1:13" x14ac:dyDescent="0.3">
      <c r="A11" s="5" t="s">
        <v>442</v>
      </c>
      <c r="B11" s="1" t="s">
        <v>70</v>
      </c>
      <c r="C11" s="1" t="s">
        <v>35</v>
      </c>
      <c r="D11" s="1" t="s">
        <v>36</v>
      </c>
      <c r="E11" s="1"/>
      <c r="F11" s="2">
        <v>4</v>
      </c>
      <c r="G11" s="4">
        <v>211</v>
      </c>
      <c r="H11" s="1" t="s">
        <v>15</v>
      </c>
      <c r="I11" s="1" t="s">
        <v>29</v>
      </c>
      <c r="J11" s="1"/>
      <c r="K11" s="1"/>
      <c r="L11" s="3">
        <v>1980</v>
      </c>
      <c r="M11" s="7"/>
    </row>
    <row r="12" spans="1:13" x14ac:dyDescent="0.3">
      <c r="A12" s="5" t="s">
        <v>442</v>
      </c>
      <c r="B12" s="1" t="s">
        <v>70</v>
      </c>
      <c r="C12" s="1" t="s">
        <v>81</v>
      </c>
      <c r="D12" s="1" t="s">
        <v>82</v>
      </c>
      <c r="E12" s="1"/>
      <c r="F12" s="2">
        <v>2</v>
      </c>
      <c r="G12" s="4">
        <v>1</v>
      </c>
      <c r="H12" s="1" t="s">
        <v>14</v>
      </c>
      <c r="I12" s="1" t="s">
        <v>83</v>
      </c>
      <c r="J12" s="1" t="s">
        <v>84</v>
      </c>
      <c r="K12" s="1" t="s">
        <v>85</v>
      </c>
      <c r="L12" s="3">
        <v>2008</v>
      </c>
      <c r="M12" s="7"/>
    </row>
    <row r="13" spans="1:13" x14ac:dyDescent="0.3">
      <c r="A13" s="5" t="s">
        <v>442</v>
      </c>
      <c r="B13" s="1" t="s">
        <v>70</v>
      </c>
      <c r="C13" s="1" t="s">
        <v>86</v>
      </c>
      <c r="D13" s="1" t="s">
        <v>87</v>
      </c>
      <c r="E13" s="1"/>
      <c r="F13" s="2">
        <v>1</v>
      </c>
      <c r="G13" s="4">
        <v>1</v>
      </c>
      <c r="H13" s="1" t="s">
        <v>14</v>
      </c>
      <c r="I13" s="1" t="s">
        <v>83</v>
      </c>
      <c r="J13" s="1" t="s">
        <v>88</v>
      </c>
      <c r="K13" s="1" t="s">
        <v>89</v>
      </c>
      <c r="L13" s="3">
        <v>2008</v>
      </c>
      <c r="M13" s="7"/>
    </row>
    <row r="14" spans="1:13" x14ac:dyDescent="0.3">
      <c r="A14" s="5" t="s">
        <v>442</v>
      </c>
      <c r="B14" s="1" t="s">
        <v>70</v>
      </c>
      <c r="C14" s="1" t="s">
        <v>90</v>
      </c>
      <c r="D14" s="1" t="s">
        <v>91</v>
      </c>
      <c r="E14" s="1"/>
      <c r="F14" s="2">
        <v>4</v>
      </c>
      <c r="G14" s="4">
        <v>1</v>
      </c>
      <c r="H14" s="1" t="s">
        <v>14</v>
      </c>
      <c r="I14" s="1" t="s">
        <v>54</v>
      </c>
      <c r="J14" s="1" t="s">
        <v>92</v>
      </c>
      <c r="K14" s="1"/>
      <c r="L14" s="3">
        <v>2000</v>
      </c>
      <c r="M14" s="7"/>
    </row>
    <row r="15" spans="1:13" x14ac:dyDescent="0.3">
      <c r="A15" s="5" t="s">
        <v>443</v>
      </c>
      <c r="B15" s="1" t="s">
        <v>93</v>
      </c>
      <c r="C15" s="1" t="s">
        <v>86</v>
      </c>
      <c r="D15" s="1" t="s">
        <v>87</v>
      </c>
      <c r="E15" s="1"/>
      <c r="F15" s="2">
        <v>2</v>
      </c>
      <c r="G15" s="4">
        <v>1</v>
      </c>
      <c r="H15" s="1" t="s">
        <v>14</v>
      </c>
      <c r="I15" s="1" t="s">
        <v>94</v>
      </c>
      <c r="J15" s="1" t="s">
        <v>95</v>
      </c>
      <c r="K15" s="1" t="s">
        <v>96</v>
      </c>
      <c r="L15" s="3">
        <v>2013</v>
      </c>
      <c r="M15" s="7"/>
    </row>
    <row r="16" spans="1:13" x14ac:dyDescent="0.3">
      <c r="A16" s="5" t="s">
        <v>443</v>
      </c>
      <c r="B16" s="1" t="s">
        <v>93</v>
      </c>
      <c r="C16" s="1" t="s">
        <v>97</v>
      </c>
      <c r="D16" s="1" t="s">
        <v>98</v>
      </c>
      <c r="E16" s="1"/>
      <c r="F16" s="2">
        <v>2</v>
      </c>
      <c r="G16" s="4">
        <v>1</v>
      </c>
      <c r="H16" s="1" t="s">
        <v>14</v>
      </c>
      <c r="I16" s="1" t="s">
        <v>48</v>
      </c>
      <c r="J16" s="1" t="s">
        <v>99</v>
      </c>
      <c r="K16" s="1" t="s">
        <v>100</v>
      </c>
      <c r="L16" s="3">
        <v>2017</v>
      </c>
      <c r="M16" s="7"/>
    </row>
    <row r="17" spans="1:13" x14ac:dyDescent="0.3">
      <c r="A17" s="5" t="s">
        <v>443</v>
      </c>
      <c r="B17" s="1" t="s">
        <v>93</v>
      </c>
      <c r="C17" s="1" t="s">
        <v>97</v>
      </c>
      <c r="D17" s="1" t="s">
        <v>98</v>
      </c>
      <c r="E17" s="1"/>
      <c r="F17" s="2">
        <v>3</v>
      </c>
      <c r="G17" s="4">
        <v>1</v>
      </c>
      <c r="H17" s="1" t="s">
        <v>14</v>
      </c>
      <c r="I17" s="1" t="s">
        <v>48</v>
      </c>
      <c r="J17" s="1" t="s">
        <v>101</v>
      </c>
      <c r="K17" s="1" t="s">
        <v>102</v>
      </c>
      <c r="L17" s="3">
        <v>2015</v>
      </c>
      <c r="M17" s="7"/>
    </row>
    <row r="18" spans="1:13" x14ac:dyDescent="0.3">
      <c r="A18" s="5" t="s">
        <v>443</v>
      </c>
      <c r="B18" s="1" t="s">
        <v>93</v>
      </c>
      <c r="C18" s="1" t="s">
        <v>103</v>
      </c>
      <c r="D18" s="1" t="s">
        <v>104</v>
      </c>
      <c r="E18" s="1" t="s">
        <v>105</v>
      </c>
      <c r="F18" s="2">
        <v>2</v>
      </c>
      <c r="G18" s="4">
        <v>1</v>
      </c>
      <c r="H18" s="1" t="s">
        <v>12</v>
      </c>
      <c r="I18" s="1" t="s">
        <v>106</v>
      </c>
      <c r="J18" s="1" t="s">
        <v>107</v>
      </c>
      <c r="K18" s="1" t="s">
        <v>108</v>
      </c>
      <c r="L18" s="3">
        <v>2009</v>
      </c>
      <c r="M18" s="7"/>
    </row>
    <row r="19" spans="1:13" x14ac:dyDescent="0.3">
      <c r="A19" s="5" t="s">
        <v>443</v>
      </c>
      <c r="B19" s="1" t="s">
        <v>93</v>
      </c>
      <c r="C19" s="1" t="s">
        <v>103</v>
      </c>
      <c r="D19" s="1" t="s">
        <v>104</v>
      </c>
      <c r="E19" s="1"/>
      <c r="F19" s="2">
        <v>2</v>
      </c>
      <c r="G19" s="4">
        <v>1</v>
      </c>
      <c r="H19" s="1" t="s">
        <v>14</v>
      </c>
      <c r="I19" s="1" t="s">
        <v>106</v>
      </c>
      <c r="J19" s="1" t="s">
        <v>107</v>
      </c>
      <c r="K19" s="1" t="s">
        <v>108</v>
      </c>
      <c r="L19" s="3">
        <v>2009</v>
      </c>
      <c r="M19" s="7"/>
    </row>
    <row r="20" spans="1:13" x14ac:dyDescent="0.3">
      <c r="A20" s="5" t="s">
        <v>443</v>
      </c>
      <c r="B20" s="1" t="s">
        <v>93</v>
      </c>
      <c r="C20" s="1" t="s">
        <v>35</v>
      </c>
      <c r="D20" s="1" t="s">
        <v>36</v>
      </c>
      <c r="E20" s="1"/>
      <c r="F20" s="2">
        <v>4</v>
      </c>
      <c r="G20" s="4">
        <v>1</v>
      </c>
      <c r="H20" s="1" t="s">
        <v>12</v>
      </c>
      <c r="I20" s="1" t="s">
        <v>29</v>
      </c>
      <c r="J20" s="1" t="s">
        <v>109</v>
      </c>
      <c r="K20" s="1"/>
      <c r="L20" s="3">
        <v>1998</v>
      </c>
      <c r="M20" s="7"/>
    </row>
    <row r="21" spans="1:13" x14ac:dyDescent="0.3">
      <c r="A21" s="5" t="s">
        <v>443</v>
      </c>
      <c r="B21" s="1" t="s">
        <v>93</v>
      </c>
      <c r="C21" s="1" t="s">
        <v>35</v>
      </c>
      <c r="D21" s="1" t="s">
        <v>36</v>
      </c>
      <c r="E21" s="1" t="s">
        <v>110</v>
      </c>
      <c r="F21" s="2">
        <v>4</v>
      </c>
      <c r="G21" s="4">
        <v>1</v>
      </c>
      <c r="H21" s="1" t="s">
        <v>12</v>
      </c>
      <c r="I21" s="1" t="s">
        <v>29</v>
      </c>
      <c r="J21" s="1" t="s">
        <v>109</v>
      </c>
      <c r="K21" s="1"/>
      <c r="L21" s="3">
        <v>1998</v>
      </c>
      <c r="M21" s="7"/>
    </row>
    <row r="22" spans="1:13" x14ac:dyDescent="0.3">
      <c r="A22" s="5" t="s">
        <v>443</v>
      </c>
      <c r="B22" s="1" t="s">
        <v>93</v>
      </c>
      <c r="C22" s="1" t="s">
        <v>35</v>
      </c>
      <c r="D22" s="1" t="s">
        <v>36</v>
      </c>
      <c r="E22" s="1"/>
      <c r="F22" s="2">
        <v>4</v>
      </c>
      <c r="G22" s="4">
        <v>160</v>
      </c>
      <c r="H22" s="1" t="s">
        <v>13</v>
      </c>
      <c r="I22" s="1" t="s">
        <v>29</v>
      </c>
      <c r="J22" s="1" t="s">
        <v>109</v>
      </c>
      <c r="K22" s="1"/>
      <c r="L22" s="3">
        <v>1998</v>
      </c>
      <c r="M22" s="7"/>
    </row>
    <row r="23" spans="1:13" x14ac:dyDescent="0.3">
      <c r="A23" s="5" t="s">
        <v>443</v>
      </c>
      <c r="B23" s="1" t="s">
        <v>93</v>
      </c>
      <c r="C23" s="1" t="s">
        <v>38</v>
      </c>
      <c r="D23" s="1" t="s">
        <v>39</v>
      </c>
      <c r="E23" s="1"/>
      <c r="F23" s="2">
        <v>2</v>
      </c>
      <c r="G23" s="4">
        <v>1</v>
      </c>
      <c r="H23" s="1" t="s">
        <v>14</v>
      </c>
      <c r="I23" s="1" t="s">
        <v>40</v>
      </c>
      <c r="J23" s="1" t="s">
        <v>111</v>
      </c>
      <c r="K23" s="1" t="s">
        <v>112</v>
      </c>
      <c r="L23" s="3">
        <v>2012</v>
      </c>
      <c r="M23" s="7"/>
    </row>
    <row r="24" spans="1:13" x14ac:dyDescent="0.3">
      <c r="A24" s="5" t="s">
        <v>443</v>
      </c>
      <c r="B24" s="1" t="s">
        <v>93</v>
      </c>
      <c r="C24" s="1" t="s">
        <v>51</v>
      </c>
      <c r="D24" s="1" t="s">
        <v>52</v>
      </c>
      <c r="E24" s="1"/>
      <c r="F24" s="2">
        <v>4</v>
      </c>
      <c r="G24" s="4">
        <v>7</v>
      </c>
      <c r="H24" s="1" t="s">
        <v>14</v>
      </c>
      <c r="I24" s="1" t="s">
        <v>54</v>
      </c>
      <c r="J24" s="1"/>
      <c r="K24" s="1"/>
      <c r="L24" s="3">
        <v>1998</v>
      </c>
      <c r="M24" s="7"/>
    </row>
    <row r="25" spans="1:13" x14ac:dyDescent="0.3">
      <c r="A25" s="5" t="s">
        <v>443</v>
      </c>
      <c r="B25" s="1" t="s">
        <v>93</v>
      </c>
      <c r="C25" s="1" t="s">
        <v>71</v>
      </c>
      <c r="D25" s="1" t="s">
        <v>72</v>
      </c>
      <c r="E25" s="1"/>
      <c r="F25" s="2">
        <v>4</v>
      </c>
      <c r="G25" s="4">
        <v>1</v>
      </c>
      <c r="H25" s="1" t="s">
        <v>14</v>
      </c>
      <c r="I25" s="1" t="s">
        <v>113</v>
      </c>
      <c r="J25" s="1" t="s">
        <v>114</v>
      </c>
      <c r="K25" s="1" t="s">
        <v>58</v>
      </c>
      <c r="L25" s="3">
        <v>2006</v>
      </c>
      <c r="M25" s="7"/>
    </row>
    <row r="26" spans="1:13" x14ac:dyDescent="0.3">
      <c r="A26" s="5" t="s">
        <v>445</v>
      </c>
      <c r="B26" s="1" t="s">
        <v>11</v>
      </c>
      <c r="C26" s="1" t="s">
        <v>16</v>
      </c>
      <c r="D26" s="1" t="s">
        <v>17</v>
      </c>
      <c r="E26" s="1"/>
      <c r="F26" s="2">
        <v>2</v>
      </c>
      <c r="G26" s="4">
        <v>1</v>
      </c>
      <c r="H26" s="1" t="s">
        <v>14</v>
      </c>
      <c r="I26" s="1" t="s">
        <v>18</v>
      </c>
      <c r="J26" s="1" t="s">
        <v>19</v>
      </c>
      <c r="K26" s="1" t="s">
        <v>20</v>
      </c>
      <c r="L26" s="3">
        <v>2010</v>
      </c>
      <c r="M26" s="7"/>
    </row>
    <row r="27" spans="1:13" x14ac:dyDescent="0.3">
      <c r="A27" s="5" t="s">
        <v>445</v>
      </c>
      <c r="B27" s="1" t="s">
        <v>11</v>
      </c>
      <c r="C27" s="1" t="s">
        <v>16</v>
      </c>
      <c r="D27" s="1" t="s">
        <v>17</v>
      </c>
      <c r="E27" s="1"/>
      <c r="F27" s="2">
        <v>2</v>
      </c>
      <c r="G27" s="4">
        <v>1</v>
      </c>
      <c r="H27" s="1" t="s">
        <v>14</v>
      </c>
      <c r="I27" s="1" t="s">
        <v>18</v>
      </c>
      <c r="J27" s="1" t="s">
        <v>21</v>
      </c>
      <c r="K27" s="1" t="s">
        <v>22</v>
      </c>
      <c r="L27" s="3">
        <v>2012</v>
      </c>
      <c r="M27" s="7"/>
    </row>
    <row r="28" spans="1:13" x14ac:dyDescent="0.3">
      <c r="A28" s="5" t="s">
        <v>445</v>
      </c>
      <c r="B28" s="1" t="s">
        <v>11</v>
      </c>
      <c r="C28" s="1" t="s">
        <v>23</v>
      </c>
      <c r="D28" s="1" t="s">
        <v>24</v>
      </c>
      <c r="E28" s="1"/>
      <c r="F28" s="2">
        <v>1</v>
      </c>
      <c r="G28" s="4">
        <v>1</v>
      </c>
      <c r="H28" s="1" t="s">
        <v>14</v>
      </c>
      <c r="I28" s="1" t="s">
        <v>25</v>
      </c>
      <c r="J28" s="1" t="s">
        <v>26</v>
      </c>
      <c r="K28" s="1" t="s">
        <v>27</v>
      </c>
      <c r="L28" s="3">
        <v>2020</v>
      </c>
      <c r="M28" s="7" t="s">
        <v>28</v>
      </c>
    </row>
    <row r="29" spans="1:13" x14ac:dyDescent="0.3">
      <c r="A29" s="5" t="s">
        <v>445</v>
      </c>
      <c r="B29" s="1" t="s">
        <v>11</v>
      </c>
      <c r="C29" s="1" t="s">
        <v>23</v>
      </c>
      <c r="D29" s="1" t="s">
        <v>24</v>
      </c>
      <c r="E29" s="1"/>
      <c r="F29" s="2">
        <v>1</v>
      </c>
      <c r="G29" s="4">
        <v>1</v>
      </c>
      <c r="H29" s="1" t="s">
        <v>14</v>
      </c>
      <c r="I29" s="1" t="s">
        <v>25</v>
      </c>
      <c r="J29" s="1" t="s">
        <v>26</v>
      </c>
      <c r="K29" s="1" t="s">
        <v>27</v>
      </c>
      <c r="L29" s="3">
        <v>2020</v>
      </c>
      <c r="M29" s="7" t="s">
        <v>28</v>
      </c>
    </row>
    <row r="30" spans="1:13" x14ac:dyDescent="0.3">
      <c r="A30" s="5" t="s">
        <v>445</v>
      </c>
      <c r="B30" s="1" t="s">
        <v>11</v>
      </c>
      <c r="C30" s="1" t="s">
        <v>30</v>
      </c>
      <c r="D30" s="1" t="s">
        <v>31</v>
      </c>
      <c r="E30" s="1" t="s">
        <v>32</v>
      </c>
      <c r="F30" s="2">
        <v>3</v>
      </c>
      <c r="G30" s="4">
        <v>1</v>
      </c>
      <c r="H30" s="1" t="s">
        <v>12</v>
      </c>
      <c r="I30" s="1" t="s">
        <v>33</v>
      </c>
      <c r="J30" s="1" t="s">
        <v>34</v>
      </c>
      <c r="K30" s="1"/>
      <c r="L30" s="3">
        <v>2005</v>
      </c>
      <c r="M30" s="7"/>
    </row>
    <row r="31" spans="1:13" x14ac:dyDescent="0.3">
      <c r="A31" s="5" t="s">
        <v>445</v>
      </c>
      <c r="B31" s="1" t="s">
        <v>11</v>
      </c>
      <c r="C31" s="1" t="s">
        <v>30</v>
      </c>
      <c r="D31" s="1" t="s">
        <v>31</v>
      </c>
      <c r="E31" s="1" t="s">
        <v>32</v>
      </c>
      <c r="F31" s="2">
        <v>3</v>
      </c>
      <c r="G31" s="4">
        <v>1</v>
      </c>
      <c r="H31" s="1" t="s">
        <v>12</v>
      </c>
      <c r="I31" s="1" t="s">
        <v>33</v>
      </c>
      <c r="J31" s="1" t="s">
        <v>34</v>
      </c>
      <c r="K31" s="1"/>
      <c r="L31" s="3">
        <v>2005</v>
      </c>
      <c r="M31" s="7"/>
    </row>
    <row r="32" spans="1:13" x14ac:dyDescent="0.3">
      <c r="A32" s="5" t="s">
        <v>445</v>
      </c>
      <c r="B32" s="1" t="s">
        <v>11</v>
      </c>
      <c r="C32" s="1" t="s">
        <v>30</v>
      </c>
      <c r="D32" s="1" t="s">
        <v>31</v>
      </c>
      <c r="E32" s="1"/>
      <c r="F32" s="2">
        <v>3</v>
      </c>
      <c r="G32" s="4">
        <v>1</v>
      </c>
      <c r="H32" s="1" t="s">
        <v>14</v>
      </c>
      <c r="I32" s="1" t="s">
        <v>33</v>
      </c>
      <c r="J32" s="1" t="s">
        <v>34</v>
      </c>
      <c r="K32" s="1"/>
      <c r="L32" s="3">
        <v>2005</v>
      </c>
      <c r="M32" s="7"/>
    </row>
    <row r="33" spans="1:13" x14ac:dyDescent="0.3">
      <c r="A33" s="5" t="s">
        <v>445</v>
      </c>
      <c r="B33" s="1" t="s">
        <v>11</v>
      </c>
      <c r="C33" s="1" t="s">
        <v>35</v>
      </c>
      <c r="D33" s="1" t="s">
        <v>36</v>
      </c>
      <c r="E33" s="1"/>
      <c r="F33" s="2">
        <v>2</v>
      </c>
      <c r="G33" s="4">
        <v>541</v>
      </c>
      <c r="H33" s="1" t="s">
        <v>13</v>
      </c>
      <c r="I33" s="1" t="s">
        <v>29</v>
      </c>
      <c r="J33" s="1" t="s">
        <v>37</v>
      </c>
      <c r="K33" s="1"/>
      <c r="L33" s="3">
        <v>2012</v>
      </c>
      <c r="M33" s="7"/>
    </row>
    <row r="34" spans="1:13" x14ac:dyDescent="0.3">
      <c r="A34" s="5" t="s">
        <v>445</v>
      </c>
      <c r="B34" s="1" t="s">
        <v>11</v>
      </c>
      <c r="C34" s="1" t="s">
        <v>38</v>
      </c>
      <c r="D34" s="1" t="s">
        <v>39</v>
      </c>
      <c r="E34" s="1"/>
      <c r="F34" s="2">
        <v>1</v>
      </c>
      <c r="G34" s="4">
        <v>1</v>
      </c>
      <c r="H34" s="1" t="s">
        <v>14</v>
      </c>
      <c r="I34" s="1" t="s">
        <v>40</v>
      </c>
      <c r="J34" s="1" t="s">
        <v>41</v>
      </c>
      <c r="K34" s="1" t="s">
        <v>42</v>
      </c>
      <c r="L34" s="3">
        <v>2021</v>
      </c>
      <c r="M34" s="7"/>
    </row>
    <row r="35" spans="1:13" x14ac:dyDescent="0.3">
      <c r="A35" s="5" t="s">
        <v>445</v>
      </c>
      <c r="B35" s="1" t="s">
        <v>11</v>
      </c>
      <c r="C35" s="1" t="s">
        <v>38</v>
      </c>
      <c r="D35" s="1" t="s">
        <v>39</v>
      </c>
      <c r="E35" s="1"/>
      <c r="F35" s="2">
        <v>2</v>
      </c>
      <c r="G35" s="4">
        <v>1</v>
      </c>
      <c r="H35" s="1" t="s">
        <v>14</v>
      </c>
      <c r="I35" s="1" t="s">
        <v>43</v>
      </c>
      <c r="J35" s="1" t="s">
        <v>44</v>
      </c>
      <c r="K35" s="1" t="s">
        <v>45</v>
      </c>
      <c r="L35" s="3">
        <v>2012</v>
      </c>
      <c r="M35" s="7"/>
    </row>
    <row r="36" spans="1:13" x14ac:dyDescent="0.3">
      <c r="A36" s="5" t="s">
        <v>445</v>
      </c>
      <c r="B36" s="1" t="s">
        <v>11</v>
      </c>
      <c r="C36" s="1" t="s">
        <v>46</v>
      </c>
      <c r="D36" s="1" t="s">
        <v>47</v>
      </c>
      <c r="E36" s="1"/>
      <c r="F36" s="2">
        <v>2</v>
      </c>
      <c r="G36" s="4">
        <v>1</v>
      </c>
      <c r="H36" s="1" t="s">
        <v>14</v>
      </c>
      <c r="I36" s="1" t="s">
        <v>48</v>
      </c>
      <c r="J36" s="1" t="s">
        <v>49</v>
      </c>
      <c r="K36" s="1" t="s">
        <v>50</v>
      </c>
      <c r="L36" s="3">
        <v>2012</v>
      </c>
      <c r="M36" s="7"/>
    </row>
    <row r="37" spans="1:13" x14ac:dyDescent="0.3">
      <c r="A37" s="5" t="s">
        <v>445</v>
      </c>
      <c r="B37" s="1" t="s">
        <v>11</v>
      </c>
      <c r="C37" s="1" t="s">
        <v>51</v>
      </c>
      <c r="D37" s="1" t="s">
        <v>52</v>
      </c>
      <c r="E37" s="1" t="s">
        <v>53</v>
      </c>
      <c r="F37" s="2">
        <v>3</v>
      </c>
      <c r="G37" s="4">
        <v>1</v>
      </c>
      <c r="H37" s="1" t="s">
        <v>12</v>
      </c>
      <c r="I37" s="1" t="s">
        <v>54</v>
      </c>
      <c r="J37" s="1" t="s">
        <v>55</v>
      </c>
      <c r="K37" s="1"/>
      <c r="L37" s="3">
        <v>2011</v>
      </c>
      <c r="M37" s="7"/>
    </row>
    <row r="38" spans="1:13" x14ac:dyDescent="0.3">
      <c r="A38" s="5" t="s">
        <v>445</v>
      </c>
      <c r="B38" s="1" t="s">
        <v>11</v>
      </c>
      <c r="C38" s="1" t="s">
        <v>51</v>
      </c>
      <c r="D38" s="1" t="s">
        <v>52</v>
      </c>
      <c r="E38" s="1"/>
      <c r="F38" s="2">
        <v>3</v>
      </c>
      <c r="G38" s="4">
        <v>18</v>
      </c>
      <c r="H38" s="1" t="s">
        <v>14</v>
      </c>
      <c r="I38" s="1" t="s">
        <v>54</v>
      </c>
      <c r="J38" s="1" t="s">
        <v>55</v>
      </c>
      <c r="K38" s="1"/>
      <c r="L38" s="3">
        <v>2011</v>
      </c>
      <c r="M38" s="7"/>
    </row>
    <row r="39" spans="1:13" x14ac:dyDescent="0.3">
      <c r="A39" s="5" t="s">
        <v>445</v>
      </c>
      <c r="B39" s="1" t="s">
        <v>11</v>
      </c>
      <c r="C39" s="1" t="s">
        <v>56</v>
      </c>
      <c r="D39" s="1" t="s">
        <v>57</v>
      </c>
      <c r="E39" s="1" t="s">
        <v>32</v>
      </c>
      <c r="F39" s="2">
        <v>3</v>
      </c>
      <c r="G39" s="4">
        <v>1</v>
      </c>
      <c r="H39" s="1" t="s">
        <v>12</v>
      </c>
      <c r="I39" s="1" t="s">
        <v>54</v>
      </c>
      <c r="J39" s="1" t="s">
        <v>54</v>
      </c>
      <c r="K39" s="1" t="s">
        <v>58</v>
      </c>
      <c r="L39" s="3">
        <v>2000</v>
      </c>
      <c r="M39" s="7"/>
    </row>
    <row r="40" spans="1:13" x14ac:dyDescent="0.3">
      <c r="A40" s="5" t="s">
        <v>445</v>
      </c>
      <c r="B40" s="1" t="s">
        <v>11</v>
      </c>
      <c r="C40" s="1" t="s">
        <v>56</v>
      </c>
      <c r="D40" s="1" t="s">
        <v>57</v>
      </c>
      <c r="E40" s="1"/>
      <c r="F40" s="2">
        <v>3</v>
      </c>
      <c r="G40" s="4">
        <v>1</v>
      </c>
      <c r="H40" s="1" t="s">
        <v>14</v>
      </c>
      <c r="I40" s="1" t="s">
        <v>54</v>
      </c>
      <c r="J40" s="1" t="s">
        <v>54</v>
      </c>
      <c r="K40" s="1" t="s">
        <v>58</v>
      </c>
      <c r="L40" s="3">
        <v>2000</v>
      </c>
      <c r="M40" s="7"/>
    </row>
    <row r="41" spans="1:13" x14ac:dyDescent="0.3">
      <c r="A41" s="5" t="s">
        <v>445</v>
      </c>
      <c r="B41" s="1" t="s">
        <v>11</v>
      </c>
      <c r="C41" s="1" t="s">
        <v>56</v>
      </c>
      <c r="D41" s="1" t="s">
        <v>57</v>
      </c>
      <c r="E41" s="1"/>
      <c r="F41" s="2">
        <v>3</v>
      </c>
      <c r="G41" s="4">
        <v>4</v>
      </c>
      <c r="H41" s="1" t="s">
        <v>14</v>
      </c>
      <c r="I41" s="1" t="s">
        <v>59</v>
      </c>
      <c r="J41" s="1" t="s">
        <v>60</v>
      </c>
      <c r="K41" s="1" t="s">
        <v>58</v>
      </c>
      <c r="L41" s="3">
        <v>2011</v>
      </c>
      <c r="M41" s="7"/>
    </row>
    <row r="42" spans="1:13" x14ac:dyDescent="0.3">
      <c r="A42" s="5" t="s">
        <v>445</v>
      </c>
      <c r="B42" s="1" t="s">
        <v>11</v>
      </c>
      <c r="C42" s="1" t="s">
        <v>61</v>
      </c>
      <c r="D42" s="1" t="s">
        <v>62</v>
      </c>
      <c r="E42" s="1"/>
      <c r="F42" s="2">
        <v>1</v>
      </c>
      <c r="G42" s="4">
        <v>1</v>
      </c>
      <c r="H42" s="1" t="s">
        <v>14</v>
      </c>
      <c r="I42" s="1" t="s">
        <v>63</v>
      </c>
      <c r="J42" s="1" t="s">
        <v>64</v>
      </c>
      <c r="K42" s="1" t="s">
        <v>65</v>
      </c>
      <c r="L42" s="3">
        <v>2021</v>
      </c>
      <c r="M42" s="7" t="s">
        <v>66</v>
      </c>
    </row>
    <row r="43" spans="1:13" x14ac:dyDescent="0.3">
      <c r="A43" s="5" t="s">
        <v>445</v>
      </c>
      <c r="B43" s="1" t="s">
        <v>11</v>
      </c>
      <c r="C43" s="1" t="s">
        <v>67</v>
      </c>
      <c r="D43" s="1" t="s">
        <v>68</v>
      </c>
      <c r="E43" s="1"/>
      <c r="F43" s="2">
        <v>0</v>
      </c>
      <c r="G43" s="4">
        <v>1</v>
      </c>
      <c r="H43" s="1" t="s">
        <v>14</v>
      </c>
      <c r="I43" s="1" t="s">
        <v>69</v>
      </c>
      <c r="J43" s="1" t="s">
        <v>58</v>
      </c>
      <c r="K43" s="1"/>
      <c r="L43" s="3">
        <v>2021</v>
      </c>
      <c r="M43" s="7"/>
    </row>
    <row r="44" spans="1:13" x14ac:dyDescent="0.3">
      <c r="A44" s="5" t="s">
        <v>447</v>
      </c>
      <c r="B44" s="1" t="s">
        <v>115</v>
      </c>
      <c r="C44" s="1" t="s">
        <v>86</v>
      </c>
      <c r="D44" s="1" t="s">
        <v>116</v>
      </c>
      <c r="E44" s="1"/>
      <c r="F44" s="2">
        <v>2</v>
      </c>
      <c r="G44" s="4">
        <v>1</v>
      </c>
      <c r="H44" s="1" t="s">
        <v>14</v>
      </c>
      <c r="I44" s="1" t="s">
        <v>83</v>
      </c>
      <c r="J44" s="1" t="s">
        <v>117</v>
      </c>
      <c r="K44" s="1" t="s">
        <v>118</v>
      </c>
      <c r="L44" s="3">
        <v>2011</v>
      </c>
      <c r="M44" s="7"/>
    </row>
    <row r="45" spans="1:13" x14ac:dyDescent="0.3">
      <c r="A45" s="5" t="s">
        <v>447</v>
      </c>
      <c r="B45" s="1" t="s">
        <v>115</v>
      </c>
      <c r="C45" s="1" t="s">
        <v>97</v>
      </c>
      <c r="D45" s="1" t="s">
        <v>98</v>
      </c>
      <c r="E45" s="1"/>
      <c r="F45" s="2">
        <v>2</v>
      </c>
      <c r="G45" s="4">
        <v>1</v>
      </c>
      <c r="H45" s="1" t="s">
        <v>14</v>
      </c>
      <c r="I45" s="1" t="s">
        <v>48</v>
      </c>
      <c r="J45" s="1" t="s">
        <v>99</v>
      </c>
      <c r="K45" s="1" t="s">
        <v>100</v>
      </c>
      <c r="L45" s="3">
        <v>2016</v>
      </c>
      <c r="M45" s="7"/>
    </row>
    <row r="46" spans="1:13" x14ac:dyDescent="0.3">
      <c r="A46" s="5" t="s">
        <v>447</v>
      </c>
      <c r="B46" s="1" t="s">
        <v>115</v>
      </c>
      <c r="C46" s="1" t="s">
        <v>81</v>
      </c>
      <c r="D46" s="1" t="s">
        <v>82</v>
      </c>
      <c r="E46" s="1"/>
      <c r="F46" s="2">
        <v>2</v>
      </c>
      <c r="G46" s="4">
        <v>1</v>
      </c>
      <c r="H46" s="1" t="s">
        <v>14</v>
      </c>
      <c r="I46" s="1" t="s">
        <v>119</v>
      </c>
      <c r="J46" s="1" t="s">
        <v>120</v>
      </c>
      <c r="K46" s="1" t="s">
        <v>121</v>
      </c>
      <c r="L46" s="3">
        <v>2011</v>
      </c>
      <c r="M46" s="7"/>
    </row>
    <row r="47" spans="1:13" x14ac:dyDescent="0.3">
      <c r="A47" s="5" t="s">
        <v>447</v>
      </c>
      <c r="B47" s="1" t="s">
        <v>115</v>
      </c>
      <c r="C47" s="1" t="s">
        <v>35</v>
      </c>
      <c r="D47" s="1" t="s">
        <v>36</v>
      </c>
      <c r="E47" s="1" t="s">
        <v>54</v>
      </c>
      <c r="F47" s="2">
        <v>5</v>
      </c>
      <c r="G47" s="4">
        <v>1</v>
      </c>
      <c r="H47" s="1" t="s">
        <v>12</v>
      </c>
      <c r="I47" s="1" t="s">
        <v>29</v>
      </c>
      <c r="J47" s="1"/>
      <c r="K47" s="1"/>
      <c r="L47" s="3">
        <v>2000</v>
      </c>
      <c r="M47" s="7"/>
    </row>
    <row r="48" spans="1:13" x14ac:dyDescent="0.3">
      <c r="A48" s="5" t="s">
        <v>447</v>
      </c>
      <c r="B48" s="1" t="s">
        <v>115</v>
      </c>
      <c r="C48" s="1" t="s">
        <v>35</v>
      </c>
      <c r="D48" s="1" t="s">
        <v>36</v>
      </c>
      <c r="E48" s="1"/>
      <c r="F48" s="2">
        <v>5</v>
      </c>
      <c r="G48" s="4">
        <v>75</v>
      </c>
      <c r="H48" s="1" t="s">
        <v>13</v>
      </c>
      <c r="I48" s="1" t="s">
        <v>29</v>
      </c>
      <c r="J48" s="1"/>
      <c r="K48" s="1"/>
      <c r="L48" s="3">
        <v>2000</v>
      </c>
      <c r="M48" s="7"/>
    </row>
    <row r="49" spans="1:13" x14ac:dyDescent="0.3">
      <c r="A49" s="5" t="s">
        <v>447</v>
      </c>
      <c r="B49" s="1" t="s">
        <v>115</v>
      </c>
      <c r="C49" s="1" t="s">
        <v>38</v>
      </c>
      <c r="D49" s="1" t="s">
        <v>39</v>
      </c>
      <c r="E49" s="1"/>
      <c r="F49" s="2">
        <v>1</v>
      </c>
      <c r="G49" s="4">
        <v>1</v>
      </c>
      <c r="H49" s="1" t="s">
        <v>14</v>
      </c>
      <c r="I49" s="1" t="s">
        <v>40</v>
      </c>
      <c r="J49" s="1" t="s">
        <v>41</v>
      </c>
      <c r="K49" s="1" t="s">
        <v>42</v>
      </c>
      <c r="L49" s="3">
        <v>2022</v>
      </c>
      <c r="M49" s="7"/>
    </row>
    <row r="50" spans="1:13" x14ac:dyDescent="0.3">
      <c r="A50" s="5" t="s">
        <v>447</v>
      </c>
      <c r="B50" s="1" t="s">
        <v>115</v>
      </c>
      <c r="C50" s="1" t="s">
        <v>51</v>
      </c>
      <c r="D50" s="1" t="s">
        <v>52</v>
      </c>
      <c r="E50" s="1"/>
      <c r="F50" s="2">
        <v>4</v>
      </c>
      <c r="G50" s="4">
        <v>4</v>
      </c>
      <c r="H50" s="1" t="s">
        <v>14</v>
      </c>
      <c r="I50" s="1" t="s">
        <v>54</v>
      </c>
      <c r="J50" s="1"/>
      <c r="K50" s="1"/>
      <c r="L50" s="3">
        <v>2000</v>
      </c>
      <c r="M50" s="7"/>
    </row>
    <row r="51" spans="1:13" x14ac:dyDescent="0.3">
      <c r="A51" s="5" t="s">
        <v>447</v>
      </c>
      <c r="B51" s="1" t="s">
        <v>115</v>
      </c>
      <c r="C51" s="1" t="s">
        <v>56</v>
      </c>
      <c r="D51" s="1" t="s">
        <v>57</v>
      </c>
      <c r="E51" s="1"/>
      <c r="F51" s="2">
        <v>2</v>
      </c>
      <c r="G51" s="4">
        <v>1</v>
      </c>
      <c r="H51" s="1" t="s">
        <v>14</v>
      </c>
      <c r="I51" s="1" t="s">
        <v>122</v>
      </c>
      <c r="J51" s="1" t="s">
        <v>54</v>
      </c>
      <c r="K51" s="1" t="s">
        <v>58</v>
      </c>
      <c r="L51" s="3">
        <v>2011</v>
      </c>
      <c r="M51" s="7"/>
    </row>
    <row r="52" spans="1:13" x14ac:dyDescent="0.3">
      <c r="A52" s="5" t="s">
        <v>448</v>
      </c>
      <c r="B52" s="1" t="s">
        <v>123</v>
      </c>
      <c r="C52" s="1" t="s">
        <v>97</v>
      </c>
      <c r="D52" s="1" t="s">
        <v>98</v>
      </c>
      <c r="E52" s="1"/>
      <c r="F52" s="2">
        <v>1</v>
      </c>
      <c r="G52" s="4">
        <v>1</v>
      </c>
      <c r="H52" s="1" t="s">
        <v>14</v>
      </c>
      <c r="I52" s="1" t="s">
        <v>48</v>
      </c>
      <c r="J52" s="1" t="s">
        <v>124</v>
      </c>
      <c r="K52" s="1" t="s">
        <v>125</v>
      </c>
      <c r="L52" s="3">
        <v>2020</v>
      </c>
      <c r="M52" s="7"/>
    </row>
    <row r="53" spans="1:13" x14ac:dyDescent="0.3">
      <c r="A53" s="5" t="s">
        <v>448</v>
      </c>
      <c r="B53" s="1" t="s">
        <v>123</v>
      </c>
      <c r="C53" s="1" t="s">
        <v>97</v>
      </c>
      <c r="D53" s="1" t="s">
        <v>98</v>
      </c>
      <c r="E53" s="1"/>
      <c r="F53" s="2">
        <v>3</v>
      </c>
      <c r="G53" s="4">
        <v>1</v>
      </c>
      <c r="H53" s="1" t="s">
        <v>14</v>
      </c>
      <c r="I53" s="1" t="s">
        <v>126</v>
      </c>
      <c r="J53" s="1" t="s">
        <v>127</v>
      </c>
      <c r="K53" s="1" t="s">
        <v>128</v>
      </c>
      <c r="L53" s="3">
        <v>2011</v>
      </c>
      <c r="M53" s="7"/>
    </row>
    <row r="54" spans="1:13" x14ac:dyDescent="0.3">
      <c r="A54" s="5" t="s">
        <v>448</v>
      </c>
      <c r="B54" s="1" t="s">
        <v>123</v>
      </c>
      <c r="C54" s="1" t="s">
        <v>81</v>
      </c>
      <c r="D54" s="1" t="s">
        <v>82</v>
      </c>
      <c r="E54" s="1"/>
      <c r="F54" s="2">
        <v>1</v>
      </c>
      <c r="G54" s="4">
        <v>1</v>
      </c>
      <c r="H54" s="1" t="s">
        <v>14</v>
      </c>
      <c r="I54" s="1" t="s">
        <v>129</v>
      </c>
      <c r="J54" s="1" t="s">
        <v>130</v>
      </c>
      <c r="K54" s="1" t="s">
        <v>131</v>
      </c>
      <c r="L54" s="3">
        <v>2021</v>
      </c>
      <c r="M54" s="7"/>
    </row>
    <row r="55" spans="1:13" x14ac:dyDescent="0.3">
      <c r="A55" s="5" t="s">
        <v>448</v>
      </c>
      <c r="B55" s="1" t="s">
        <v>123</v>
      </c>
      <c r="C55" s="1" t="s">
        <v>35</v>
      </c>
      <c r="D55" s="1" t="s">
        <v>36</v>
      </c>
      <c r="E55" s="1"/>
      <c r="F55" s="2">
        <v>2</v>
      </c>
      <c r="G55" s="4">
        <v>253</v>
      </c>
      <c r="H55" s="1" t="s">
        <v>13</v>
      </c>
      <c r="I55" s="1" t="s">
        <v>29</v>
      </c>
      <c r="J55" s="1"/>
      <c r="K55" s="1"/>
      <c r="L55" s="3">
        <v>2012</v>
      </c>
      <c r="M55" s="7" t="s">
        <v>132</v>
      </c>
    </row>
    <row r="56" spans="1:13" x14ac:dyDescent="0.3">
      <c r="A56" s="5" t="s">
        <v>448</v>
      </c>
      <c r="B56" s="1" t="s">
        <v>123</v>
      </c>
      <c r="C56" s="1" t="s">
        <v>38</v>
      </c>
      <c r="D56" s="1" t="s">
        <v>39</v>
      </c>
      <c r="E56" s="1"/>
      <c r="F56" s="2">
        <v>3</v>
      </c>
      <c r="G56" s="4">
        <v>1</v>
      </c>
      <c r="H56" s="1" t="s">
        <v>14</v>
      </c>
      <c r="I56" s="1" t="s">
        <v>40</v>
      </c>
      <c r="J56" s="1" t="s">
        <v>133</v>
      </c>
      <c r="K56" s="1" t="s">
        <v>112</v>
      </c>
      <c r="L56" s="3">
        <v>2011</v>
      </c>
      <c r="M56" s="7"/>
    </row>
    <row r="57" spans="1:13" x14ac:dyDescent="0.3">
      <c r="A57" s="5" t="s">
        <v>448</v>
      </c>
      <c r="B57" s="1" t="s">
        <v>123</v>
      </c>
      <c r="C57" s="1" t="s">
        <v>46</v>
      </c>
      <c r="D57" s="1" t="s">
        <v>47</v>
      </c>
      <c r="E57" s="1"/>
      <c r="F57" s="2">
        <v>1</v>
      </c>
      <c r="G57" s="4">
        <v>1</v>
      </c>
      <c r="H57" s="1" t="s">
        <v>14</v>
      </c>
      <c r="I57" s="1" t="s">
        <v>126</v>
      </c>
      <c r="J57" s="1" t="s">
        <v>134</v>
      </c>
      <c r="K57" s="1" t="s">
        <v>135</v>
      </c>
      <c r="L57" s="3">
        <v>2020</v>
      </c>
      <c r="M57" s="7"/>
    </row>
    <row r="58" spans="1:13" x14ac:dyDescent="0.3">
      <c r="A58" s="5" t="s">
        <v>448</v>
      </c>
      <c r="B58" s="1" t="s">
        <v>123</v>
      </c>
      <c r="C58" s="1" t="s">
        <v>46</v>
      </c>
      <c r="D58" s="1" t="s">
        <v>47</v>
      </c>
      <c r="E58" s="1"/>
      <c r="F58" s="2">
        <v>3</v>
      </c>
      <c r="G58" s="4">
        <v>1</v>
      </c>
      <c r="H58" s="1" t="s">
        <v>14</v>
      </c>
      <c r="I58" s="1" t="s">
        <v>126</v>
      </c>
      <c r="J58" s="1" t="s">
        <v>136</v>
      </c>
      <c r="K58" s="1" t="s">
        <v>137</v>
      </c>
      <c r="L58" s="3">
        <v>2011</v>
      </c>
      <c r="M58" s="7"/>
    </row>
    <row r="59" spans="1:13" x14ac:dyDescent="0.3">
      <c r="A59" s="5" t="s">
        <v>448</v>
      </c>
      <c r="B59" s="1" t="s">
        <v>123</v>
      </c>
      <c r="C59" s="1" t="s">
        <v>138</v>
      </c>
      <c r="D59" s="1" t="s">
        <v>139</v>
      </c>
      <c r="E59" s="1"/>
      <c r="F59" s="2">
        <v>1</v>
      </c>
      <c r="G59" s="4">
        <v>1</v>
      </c>
      <c r="H59" s="1" t="s">
        <v>14</v>
      </c>
      <c r="I59" s="1" t="s">
        <v>140</v>
      </c>
      <c r="J59" s="1" t="s">
        <v>141</v>
      </c>
      <c r="K59" s="1"/>
      <c r="L59" s="3">
        <v>2021</v>
      </c>
      <c r="M59" s="7"/>
    </row>
    <row r="60" spans="1:13" x14ac:dyDescent="0.3">
      <c r="A60" s="5" t="s">
        <v>448</v>
      </c>
      <c r="B60" s="1" t="s">
        <v>123</v>
      </c>
      <c r="C60" s="1" t="s">
        <v>51</v>
      </c>
      <c r="D60" s="1" t="s">
        <v>52</v>
      </c>
      <c r="E60" s="1"/>
      <c r="F60" s="2">
        <v>2</v>
      </c>
      <c r="G60" s="4">
        <v>14</v>
      </c>
      <c r="H60" s="1" t="s">
        <v>14</v>
      </c>
      <c r="I60" s="1" t="s">
        <v>54</v>
      </c>
      <c r="J60" s="1" t="s">
        <v>55</v>
      </c>
      <c r="K60" s="1"/>
      <c r="L60" s="3">
        <v>2012</v>
      </c>
      <c r="M60" s="7"/>
    </row>
    <row r="61" spans="1:13" x14ac:dyDescent="0.3">
      <c r="A61" s="5" t="s">
        <v>448</v>
      </c>
      <c r="B61" s="1" t="s">
        <v>123</v>
      </c>
      <c r="C61" s="1" t="s">
        <v>142</v>
      </c>
      <c r="D61" s="1" t="s">
        <v>143</v>
      </c>
      <c r="E61" s="1"/>
      <c r="F61" s="2">
        <v>1</v>
      </c>
      <c r="G61" s="4">
        <v>1</v>
      </c>
      <c r="H61" s="1" t="s">
        <v>14</v>
      </c>
      <c r="I61" s="1" t="s">
        <v>126</v>
      </c>
      <c r="J61" s="1"/>
      <c r="K61" s="1"/>
      <c r="L61" s="3">
        <v>2012</v>
      </c>
      <c r="M61" s="7"/>
    </row>
    <row r="62" spans="1:13" x14ac:dyDescent="0.3">
      <c r="A62" s="5" t="s">
        <v>448</v>
      </c>
      <c r="B62" s="1" t="s">
        <v>123</v>
      </c>
      <c r="C62" s="1" t="s">
        <v>142</v>
      </c>
      <c r="D62" s="1" t="s">
        <v>143</v>
      </c>
      <c r="E62" s="1"/>
      <c r="F62" s="2">
        <v>1</v>
      </c>
      <c r="G62" s="4">
        <v>253</v>
      </c>
      <c r="H62" s="1" t="s">
        <v>13</v>
      </c>
      <c r="I62" s="1" t="s">
        <v>126</v>
      </c>
      <c r="J62" s="1"/>
      <c r="K62" s="1"/>
      <c r="L62" s="3">
        <v>2012</v>
      </c>
      <c r="M62" s="7"/>
    </row>
    <row r="63" spans="1:13" x14ac:dyDescent="0.3">
      <c r="A63" s="5" t="s">
        <v>448</v>
      </c>
      <c r="B63" s="1" t="s">
        <v>123</v>
      </c>
      <c r="C63" s="1" t="s">
        <v>56</v>
      </c>
      <c r="D63" s="1" t="s">
        <v>57</v>
      </c>
      <c r="E63" s="1"/>
      <c r="F63" s="2">
        <v>1</v>
      </c>
      <c r="G63" s="4">
        <v>1</v>
      </c>
      <c r="H63" s="1" t="s">
        <v>14</v>
      </c>
      <c r="I63" s="1" t="s">
        <v>144</v>
      </c>
      <c r="J63" s="1" t="s">
        <v>145</v>
      </c>
      <c r="K63" s="1" t="s">
        <v>146</v>
      </c>
      <c r="L63" s="3">
        <v>2018</v>
      </c>
      <c r="M63" s="7"/>
    </row>
    <row r="64" spans="1:13" x14ac:dyDescent="0.3">
      <c r="A64" s="5" t="s">
        <v>448</v>
      </c>
      <c r="B64" s="1" t="s">
        <v>123</v>
      </c>
      <c r="C64" s="1" t="s">
        <v>71</v>
      </c>
      <c r="D64" s="1" t="s">
        <v>72</v>
      </c>
      <c r="E64" s="1"/>
      <c r="F64" s="2">
        <v>3</v>
      </c>
      <c r="G64" s="4">
        <v>1</v>
      </c>
      <c r="H64" s="1" t="s">
        <v>14</v>
      </c>
      <c r="I64" s="1" t="s">
        <v>147</v>
      </c>
      <c r="J64" s="1" t="s">
        <v>148</v>
      </c>
      <c r="K64" s="1" t="s">
        <v>149</v>
      </c>
      <c r="L64" s="3">
        <v>2011</v>
      </c>
      <c r="M64" s="7"/>
    </row>
    <row r="65" spans="1:13" x14ac:dyDescent="0.3">
      <c r="A65" s="5" t="s">
        <v>451</v>
      </c>
      <c r="B65" s="1" t="s">
        <v>150</v>
      </c>
      <c r="C65" s="1" t="s">
        <v>151</v>
      </c>
      <c r="D65" s="1" t="s">
        <v>152</v>
      </c>
      <c r="E65" s="1"/>
      <c r="F65" s="2">
        <v>1</v>
      </c>
      <c r="G65" s="4">
        <v>1</v>
      </c>
      <c r="H65" s="1" t="s">
        <v>12</v>
      </c>
      <c r="I65" s="1" t="s">
        <v>153</v>
      </c>
      <c r="J65" s="1" t="s">
        <v>154</v>
      </c>
      <c r="K65" s="1"/>
      <c r="L65" s="3">
        <v>2017</v>
      </c>
      <c r="M65" s="7" t="s">
        <v>155</v>
      </c>
    </row>
    <row r="66" spans="1:13" x14ac:dyDescent="0.3">
      <c r="A66" s="5" t="s">
        <v>451</v>
      </c>
      <c r="B66" s="1" t="s">
        <v>150</v>
      </c>
      <c r="C66" s="1" t="s">
        <v>156</v>
      </c>
      <c r="D66" s="1" t="s">
        <v>157</v>
      </c>
      <c r="E66" s="1"/>
      <c r="F66" s="2">
        <v>1</v>
      </c>
      <c r="G66" s="4">
        <v>1</v>
      </c>
      <c r="H66" s="1" t="s">
        <v>14</v>
      </c>
      <c r="I66" s="1" t="s">
        <v>158</v>
      </c>
      <c r="J66" s="1" t="s">
        <v>159</v>
      </c>
      <c r="K66" s="1"/>
      <c r="L66" s="3">
        <v>2020</v>
      </c>
      <c r="M66" s="7" t="s">
        <v>160</v>
      </c>
    </row>
    <row r="67" spans="1:13" x14ac:dyDescent="0.3">
      <c r="A67" s="5" t="s">
        <v>451</v>
      </c>
      <c r="B67" s="1" t="s">
        <v>150</v>
      </c>
      <c r="C67" s="1" t="s">
        <v>156</v>
      </c>
      <c r="D67" s="1" t="s">
        <v>157</v>
      </c>
      <c r="E67" s="1"/>
      <c r="F67" s="2">
        <v>1</v>
      </c>
      <c r="G67" s="4">
        <v>1</v>
      </c>
      <c r="H67" s="1" t="s">
        <v>14</v>
      </c>
      <c r="I67" s="1" t="s">
        <v>158</v>
      </c>
      <c r="J67" s="1" t="s">
        <v>159</v>
      </c>
      <c r="K67" s="1"/>
      <c r="L67" s="3">
        <v>2020</v>
      </c>
      <c r="M67" s="7" t="s">
        <v>160</v>
      </c>
    </row>
    <row r="68" spans="1:13" x14ac:dyDescent="0.3">
      <c r="A68" s="5" t="s">
        <v>451</v>
      </c>
      <c r="B68" s="1" t="s">
        <v>150</v>
      </c>
      <c r="C68" s="1" t="s">
        <v>156</v>
      </c>
      <c r="D68" s="1" t="s">
        <v>157</v>
      </c>
      <c r="E68" s="1"/>
      <c r="F68" s="2">
        <v>1</v>
      </c>
      <c r="G68" s="4">
        <v>1</v>
      </c>
      <c r="H68" s="1" t="s">
        <v>14</v>
      </c>
      <c r="I68" s="1" t="s">
        <v>158</v>
      </c>
      <c r="J68" s="1" t="s">
        <v>159</v>
      </c>
      <c r="K68" s="1"/>
      <c r="L68" s="3">
        <v>2020</v>
      </c>
      <c r="M68" s="7" t="s">
        <v>160</v>
      </c>
    </row>
    <row r="69" spans="1:13" x14ac:dyDescent="0.3">
      <c r="A69" s="5" t="s">
        <v>451</v>
      </c>
      <c r="B69" s="1" t="s">
        <v>150</v>
      </c>
      <c r="C69" s="1" t="s">
        <v>156</v>
      </c>
      <c r="D69" s="1" t="s">
        <v>157</v>
      </c>
      <c r="E69" s="1"/>
      <c r="F69" s="2">
        <v>1</v>
      </c>
      <c r="G69" s="4">
        <v>1</v>
      </c>
      <c r="H69" s="1" t="s">
        <v>14</v>
      </c>
      <c r="I69" s="1" t="s">
        <v>158</v>
      </c>
      <c r="J69" s="1" t="s">
        <v>159</v>
      </c>
      <c r="K69" s="1"/>
      <c r="L69" s="3">
        <v>2020</v>
      </c>
      <c r="M69" s="7" t="s">
        <v>160</v>
      </c>
    </row>
    <row r="70" spans="1:13" x14ac:dyDescent="0.3">
      <c r="A70" s="5" t="s">
        <v>451</v>
      </c>
      <c r="B70" s="1" t="s">
        <v>150</v>
      </c>
      <c r="C70" s="1" t="s">
        <v>161</v>
      </c>
      <c r="D70" s="1" t="s">
        <v>162</v>
      </c>
      <c r="E70" s="1"/>
      <c r="F70" s="2">
        <v>1</v>
      </c>
      <c r="G70" s="4">
        <v>1</v>
      </c>
      <c r="H70" s="1" t="s">
        <v>14</v>
      </c>
      <c r="I70" s="1" t="s">
        <v>163</v>
      </c>
      <c r="J70" s="1" t="s">
        <v>163</v>
      </c>
      <c r="K70" s="1"/>
      <c r="L70" s="3">
        <v>2020</v>
      </c>
      <c r="M70" s="7" t="s">
        <v>164</v>
      </c>
    </row>
    <row r="71" spans="1:13" x14ac:dyDescent="0.3">
      <c r="A71" s="5" t="s">
        <v>451</v>
      </c>
      <c r="B71" s="1" t="s">
        <v>150</v>
      </c>
      <c r="C71" s="1" t="s">
        <v>165</v>
      </c>
      <c r="D71" s="1" t="s">
        <v>143</v>
      </c>
      <c r="E71" s="1"/>
      <c r="F71" s="2">
        <v>1</v>
      </c>
      <c r="G71" s="4">
        <v>3</v>
      </c>
      <c r="H71" s="1" t="s">
        <v>14</v>
      </c>
      <c r="I71" s="1" t="s">
        <v>166</v>
      </c>
      <c r="J71" s="1" t="s">
        <v>167</v>
      </c>
      <c r="K71" s="1"/>
      <c r="L71" s="3">
        <v>2020</v>
      </c>
      <c r="M71" s="7" t="s">
        <v>168</v>
      </c>
    </row>
    <row r="72" spans="1:13" x14ac:dyDescent="0.3">
      <c r="A72" s="5" t="s">
        <v>451</v>
      </c>
      <c r="B72" s="1" t="s">
        <v>150</v>
      </c>
      <c r="C72" s="1" t="s">
        <v>169</v>
      </c>
      <c r="D72" s="1" t="s">
        <v>170</v>
      </c>
      <c r="E72" s="1"/>
      <c r="F72" s="2">
        <v>1</v>
      </c>
      <c r="G72" s="4">
        <v>8</v>
      </c>
      <c r="H72" s="1" t="s">
        <v>14</v>
      </c>
      <c r="I72" s="1" t="s">
        <v>171</v>
      </c>
      <c r="J72" s="1" t="s">
        <v>171</v>
      </c>
      <c r="K72" s="1"/>
      <c r="L72" s="3">
        <v>2020</v>
      </c>
      <c r="M72" s="7" t="s">
        <v>172</v>
      </c>
    </row>
    <row r="73" spans="1:13" ht="21.6" x14ac:dyDescent="0.3">
      <c r="A73" s="5" t="s">
        <v>451</v>
      </c>
      <c r="B73" s="1" t="s">
        <v>150</v>
      </c>
      <c r="C73" s="1" t="s">
        <v>173</v>
      </c>
      <c r="D73" s="1" t="s">
        <v>174</v>
      </c>
      <c r="E73" s="1"/>
      <c r="F73" s="2">
        <v>1</v>
      </c>
      <c r="G73" s="4">
        <v>1</v>
      </c>
      <c r="H73" s="1" t="s">
        <v>14</v>
      </c>
      <c r="I73" s="1" t="s">
        <v>175</v>
      </c>
      <c r="J73" s="1" t="s">
        <v>171</v>
      </c>
      <c r="K73" s="1"/>
      <c r="L73" s="3">
        <v>2020</v>
      </c>
      <c r="M73" s="7" t="s">
        <v>176</v>
      </c>
    </row>
    <row r="74" spans="1:13" x14ac:dyDescent="0.3">
      <c r="A74" s="5" t="s">
        <v>451</v>
      </c>
      <c r="B74" s="1" t="s">
        <v>150</v>
      </c>
      <c r="C74" s="1" t="s">
        <v>177</v>
      </c>
      <c r="D74" s="1" t="s">
        <v>178</v>
      </c>
      <c r="E74" s="1"/>
      <c r="F74" s="2">
        <v>1</v>
      </c>
      <c r="G74" s="4">
        <v>2</v>
      </c>
      <c r="H74" s="1" t="s">
        <v>14</v>
      </c>
      <c r="I74" s="1" t="s">
        <v>179</v>
      </c>
      <c r="J74" s="1" t="s">
        <v>180</v>
      </c>
      <c r="K74" s="1"/>
      <c r="L74" s="3">
        <v>2020</v>
      </c>
      <c r="M74" s="7" t="s">
        <v>181</v>
      </c>
    </row>
    <row r="75" spans="1:13" x14ac:dyDescent="0.3">
      <c r="A75" s="5" t="s">
        <v>451</v>
      </c>
      <c r="B75" s="1" t="s">
        <v>150</v>
      </c>
      <c r="C75" s="1" t="s">
        <v>177</v>
      </c>
      <c r="D75" s="1" t="s">
        <v>178</v>
      </c>
      <c r="E75" s="1"/>
      <c r="F75" s="2">
        <v>1</v>
      </c>
      <c r="G75" s="4">
        <v>2</v>
      </c>
      <c r="H75" s="1" t="s">
        <v>14</v>
      </c>
      <c r="I75" s="1" t="s">
        <v>179</v>
      </c>
      <c r="J75" s="1" t="s">
        <v>182</v>
      </c>
      <c r="K75" s="1"/>
      <c r="L75" s="3">
        <v>2020</v>
      </c>
      <c r="M75" s="7"/>
    </row>
    <row r="76" spans="1:13" x14ac:dyDescent="0.3">
      <c r="A76" s="5" t="s">
        <v>451</v>
      </c>
      <c r="B76" s="1" t="s">
        <v>150</v>
      </c>
      <c r="C76" s="1" t="s">
        <v>183</v>
      </c>
      <c r="D76" s="1" t="s">
        <v>184</v>
      </c>
      <c r="E76" s="1"/>
      <c r="F76" s="2">
        <v>1</v>
      </c>
      <c r="G76" s="4">
        <v>1</v>
      </c>
      <c r="H76" s="1" t="s">
        <v>14</v>
      </c>
      <c r="I76" s="1" t="s">
        <v>79</v>
      </c>
      <c r="J76" s="1" t="s">
        <v>185</v>
      </c>
      <c r="K76" s="1" t="s">
        <v>186</v>
      </c>
      <c r="L76" s="3">
        <v>2019</v>
      </c>
      <c r="M76" s="7" t="s">
        <v>187</v>
      </c>
    </row>
    <row r="77" spans="1:13" x14ac:dyDescent="0.3">
      <c r="A77" s="5" t="s">
        <v>451</v>
      </c>
      <c r="B77" s="1" t="s">
        <v>150</v>
      </c>
      <c r="C77" s="1" t="s">
        <v>188</v>
      </c>
      <c r="D77" s="1" t="s">
        <v>189</v>
      </c>
      <c r="E77" s="1"/>
      <c r="F77" s="2">
        <v>1</v>
      </c>
      <c r="G77" s="4">
        <v>2</v>
      </c>
      <c r="H77" s="1" t="s">
        <v>14</v>
      </c>
      <c r="I77" s="1" t="s">
        <v>190</v>
      </c>
      <c r="J77" s="1" t="s">
        <v>191</v>
      </c>
      <c r="K77" s="1"/>
      <c r="L77" s="3">
        <v>2019</v>
      </c>
      <c r="M77" s="7"/>
    </row>
    <row r="78" spans="1:13" ht="21.6" x14ac:dyDescent="0.3">
      <c r="A78" s="5" t="s">
        <v>451</v>
      </c>
      <c r="B78" s="1" t="s">
        <v>150</v>
      </c>
      <c r="C78" s="1" t="s">
        <v>188</v>
      </c>
      <c r="D78" s="1" t="s">
        <v>189</v>
      </c>
      <c r="E78" s="1"/>
      <c r="F78" s="2">
        <v>1</v>
      </c>
      <c r="G78" s="4">
        <v>1</v>
      </c>
      <c r="H78" s="1" t="s">
        <v>14</v>
      </c>
      <c r="I78" s="1" t="s">
        <v>190</v>
      </c>
      <c r="J78" s="1" t="s">
        <v>192</v>
      </c>
      <c r="K78" s="1"/>
      <c r="L78" s="3">
        <v>2019</v>
      </c>
      <c r="M78" s="7" t="s">
        <v>193</v>
      </c>
    </row>
    <row r="79" spans="1:13" x14ac:dyDescent="0.3">
      <c r="A79" s="5" t="s">
        <v>451</v>
      </c>
      <c r="B79" s="1" t="s">
        <v>150</v>
      </c>
      <c r="C79" s="1" t="s">
        <v>188</v>
      </c>
      <c r="D79" s="1" t="s">
        <v>189</v>
      </c>
      <c r="E79" s="1"/>
      <c r="F79" s="2">
        <v>1</v>
      </c>
      <c r="G79" s="4">
        <v>2</v>
      </c>
      <c r="H79" s="1" t="s">
        <v>14</v>
      </c>
      <c r="I79" s="1" t="s">
        <v>194</v>
      </c>
      <c r="J79" s="1" t="s">
        <v>195</v>
      </c>
      <c r="K79" s="1"/>
      <c r="L79" s="3">
        <v>2019</v>
      </c>
      <c r="M79" s="7" t="s">
        <v>196</v>
      </c>
    </row>
    <row r="80" spans="1:13" x14ac:dyDescent="0.3">
      <c r="A80" s="5" t="s">
        <v>451</v>
      </c>
      <c r="B80" s="1" t="s">
        <v>150</v>
      </c>
      <c r="C80" s="1" t="s">
        <v>188</v>
      </c>
      <c r="D80" s="1" t="s">
        <v>189</v>
      </c>
      <c r="E80" s="1"/>
      <c r="F80" s="2">
        <v>1</v>
      </c>
      <c r="G80" s="4">
        <v>2</v>
      </c>
      <c r="H80" s="1" t="s">
        <v>14</v>
      </c>
      <c r="I80" s="1" t="s">
        <v>194</v>
      </c>
      <c r="J80" s="1" t="s">
        <v>197</v>
      </c>
      <c r="K80" s="1"/>
      <c r="L80" s="3">
        <v>2020</v>
      </c>
      <c r="M80" s="7" t="s">
        <v>198</v>
      </c>
    </row>
    <row r="81" spans="1:13" x14ac:dyDescent="0.3">
      <c r="A81" s="5" t="s">
        <v>451</v>
      </c>
      <c r="B81" s="1" t="s">
        <v>150</v>
      </c>
      <c r="C81" s="1" t="s">
        <v>199</v>
      </c>
      <c r="D81" s="1" t="s">
        <v>200</v>
      </c>
      <c r="E81" s="1"/>
      <c r="F81" s="2">
        <v>1</v>
      </c>
      <c r="G81" s="4">
        <v>1</v>
      </c>
      <c r="H81" s="1" t="s">
        <v>14</v>
      </c>
      <c r="I81" s="1" t="s">
        <v>201</v>
      </c>
      <c r="J81" s="1"/>
      <c r="K81" s="1"/>
      <c r="L81" s="3">
        <v>2020</v>
      </c>
      <c r="M81" s="7"/>
    </row>
    <row r="82" spans="1:13" x14ac:dyDescent="0.3">
      <c r="A82" s="5" t="s">
        <v>451</v>
      </c>
      <c r="B82" s="1" t="s">
        <v>150</v>
      </c>
      <c r="C82" s="1" t="s">
        <v>202</v>
      </c>
      <c r="D82" s="1" t="s">
        <v>203</v>
      </c>
      <c r="E82" s="1"/>
      <c r="F82" s="2">
        <v>1</v>
      </c>
      <c r="G82" s="4">
        <v>1</v>
      </c>
      <c r="H82" s="1" t="s">
        <v>14</v>
      </c>
      <c r="I82" s="1" t="s">
        <v>204</v>
      </c>
      <c r="J82" s="1" t="s">
        <v>205</v>
      </c>
      <c r="K82" s="1" t="s">
        <v>206</v>
      </c>
      <c r="L82" s="3">
        <v>2019</v>
      </c>
      <c r="M82" s="7" t="s">
        <v>207</v>
      </c>
    </row>
    <row r="83" spans="1:13" x14ac:dyDescent="0.3">
      <c r="A83" s="5" t="s">
        <v>451</v>
      </c>
      <c r="B83" s="1" t="s">
        <v>150</v>
      </c>
      <c r="C83" s="1" t="s">
        <v>208</v>
      </c>
      <c r="D83" s="1" t="s">
        <v>209</v>
      </c>
      <c r="E83" s="1"/>
      <c r="F83" s="2">
        <v>1</v>
      </c>
      <c r="G83" s="4">
        <v>1</v>
      </c>
      <c r="H83" s="1" t="s">
        <v>14</v>
      </c>
      <c r="I83" s="1" t="s">
        <v>210</v>
      </c>
      <c r="J83" s="1" t="s">
        <v>211</v>
      </c>
      <c r="K83" s="1" t="s">
        <v>212</v>
      </c>
      <c r="L83" s="3">
        <v>2020</v>
      </c>
      <c r="M83" s="7" t="s">
        <v>213</v>
      </c>
    </row>
    <row r="84" spans="1:13" x14ac:dyDescent="0.3">
      <c r="A84" s="5" t="s">
        <v>451</v>
      </c>
      <c r="B84" s="1" t="s">
        <v>150</v>
      </c>
      <c r="C84" s="1" t="s">
        <v>214</v>
      </c>
      <c r="D84" s="1" t="s">
        <v>215</v>
      </c>
      <c r="E84" s="1"/>
      <c r="F84" s="2">
        <v>1</v>
      </c>
      <c r="G84" s="4">
        <v>3</v>
      </c>
      <c r="H84" s="1" t="s">
        <v>14</v>
      </c>
      <c r="I84" s="1"/>
      <c r="J84" s="1"/>
      <c r="K84" s="1"/>
      <c r="L84" s="3">
        <v>2020</v>
      </c>
      <c r="M84" s="7" t="s">
        <v>216</v>
      </c>
    </row>
    <row r="85" spans="1:13" ht="64.8" x14ac:dyDescent="0.3">
      <c r="A85" s="5" t="s">
        <v>451</v>
      </c>
      <c r="B85" s="1" t="s">
        <v>150</v>
      </c>
      <c r="C85" s="1" t="s">
        <v>217</v>
      </c>
      <c r="D85" s="1" t="s">
        <v>218</v>
      </c>
      <c r="E85" s="1"/>
      <c r="F85" s="2">
        <v>1</v>
      </c>
      <c r="G85" s="4">
        <v>2</v>
      </c>
      <c r="H85" s="1" t="s">
        <v>14</v>
      </c>
      <c r="I85" s="1" t="s">
        <v>201</v>
      </c>
      <c r="J85" s="1" t="s">
        <v>219</v>
      </c>
      <c r="K85" s="1"/>
      <c r="L85" s="3">
        <v>2019</v>
      </c>
      <c r="M85" s="7" t="s">
        <v>220</v>
      </c>
    </row>
    <row r="86" spans="1:13" ht="64.8" x14ac:dyDescent="0.3">
      <c r="A86" s="5" t="s">
        <v>451</v>
      </c>
      <c r="B86" s="1" t="s">
        <v>150</v>
      </c>
      <c r="C86" s="1" t="s">
        <v>217</v>
      </c>
      <c r="D86" s="1" t="s">
        <v>218</v>
      </c>
      <c r="E86" s="1"/>
      <c r="F86" s="2">
        <v>1</v>
      </c>
      <c r="G86" s="4">
        <v>2</v>
      </c>
      <c r="H86" s="1" t="s">
        <v>14</v>
      </c>
      <c r="I86" s="1" t="s">
        <v>201</v>
      </c>
      <c r="J86" s="1" t="s">
        <v>219</v>
      </c>
      <c r="K86" s="1"/>
      <c r="L86" s="3">
        <v>2019</v>
      </c>
      <c r="M86" s="7" t="s">
        <v>220</v>
      </c>
    </row>
    <row r="87" spans="1:13" x14ac:dyDescent="0.3">
      <c r="A87" s="5" t="s">
        <v>444</v>
      </c>
      <c r="B87" s="1" t="s">
        <v>221</v>
      </c>
      <c r="C87" s="1" t="s">
        <v>56</v>
      </c>
      <c r="D87" s="1" t="s">
        <v>57</v>
      </c>
      <c r="E87" s="1"/>
      <c r="F87" s="2">
        <v>2</v>
      </c>
      <c r="G87" s="4">
        <v>1</v>
      </c>
      <c r="H87" s="1" t="s">
        <v>14</v>
      </c>
      <c r="I87" s="1" t="s">
        <v>144</v>
      </c>
      <c r="J87" s="1" t="s">
        <v>222</v>
      </c>
      <c r="K87" s="1" t="s">
        <v>58</v>
      </c>
      <c r="L87" s="3">
        <v>2014</v>
      </c>
      <c r="M87" s="7"/>
    </row>
    <row r="88" spans="1:13" x14ac:dyDescent="0.3">
      <c r="A88" s="5" t="s">
        <v>444</v>
      </c>
      <c r="B88" s="1" t="s">
        <v>221</v>
      </c>
      <c r="C88" s="1" t="s">
        <v>38</v>
      </c>
      <c r="D88" s="1" t="s">
        <v>39</v>
      </c>
      <c r="E88" s="1"/>
      <c r="F88" s="2">
        <v>2</v>
      </c>
      <c r="G88" s="4">
        <v>1</v>
      </c>
      <c r="H88" s="1" t="s">
        <v>14</v>
      </c>
      <c r="I88" s="1" t="s">
        <v>223</v>
      </c>
      <c r="J88" s="1" t="s">
        <v>223</v>
      </c>
      <c r="K88" s="1" t="s">
        <v>45</v>
      </c>
      <c r="L88" s="3">
        <v>2014</v>
      </c>
      <c r="M88" s="7"/>
    </row>
    <row r="89" spans="1:13" x14ac:dyDescent="0.3">
      <c r="A89" s="5" t="s">
        <v>444</v>
      </c>
      <c r="B89" s="1" t="s">
        <v>221</v>
      </c>
      <c r="C89" s="1" t="s">
        <v>35</v>
      </c>
      <c r="D89" s="1" t="s">
        <v>36</v>
      </c>
      <c r="E89" s="1"/>
      <c r="F89" s="2">
        <v>4</v>
      </c>
      <c r="G89" s="4">
        <v>66</v>
      </c>
      <c r="H89" s="1" t="s">
        <v>13</v>
      </c>
      <c r="I89" s="1" t="s">
        <v>29</v>
      </c>
      <c r="J89" s="1"/>
      <c r="K89" s="1"/>
      <c r="L89" s="3">
        <v>1990</v>
      </c>
      <c r="M89" s="7"/>
    </row>
    <row r="90" spans="1:13" x14ac:dyDescent="0.3">
      <c r="A90" s="5" t="s">
        <v>444</v>
      </c>
      <c r="B90" s="1" t="s">
        <v>221</v>
      </c>
      <c r="C90" s="1" t="s">
        <v>86</v>
      </c>
      <c r="D90" s="1" t="s">
        <v>87</v>
      </c>
      <c r="E90" s="1"/>
      <c r="F90" s="2">
        <v>2</v>
      </c>
      <c r="G90" s="4">
        <v>1</v>
      </c>
      <c r="H90" s="1" t="s">
        <v>14</v>
      </c>
      <c r="I90" s="1" t="s">
        <v>224</v>
      </c>
      <c r="J90" s="1" t="s">
        <v>225</v>
      </c>
      <c r="K90" s="1" t="s">
        <v>226</v>
      </c>
      <c r="L90" s="3">
        <v>2014</v>
      </c>
      <c r="M90" s="7"/>
    </row>
    <row r="91" spans="1:13" x14ac:dyDescent="0.3">
      <c r="A91" s="5" t="s">
        <v>446</v>
      </c>
      <c r="B91" s="1" t="s">
        <v>227</v>
      </c>
      <c r="C91" s="1" t="s">
        <v>71</v>
      </c>
      <c r="D91" s="1" t="s">
        <v>72</v>
      </c>
      <c r="E91" s="1"/>
      <c r="F91" s="2">
        <v>4</v>
      </c>
      <c r="G91" s="4">
        <v>4</v>
      </c>
      <c r="H91" s="1" t="s">
        <v>14</v>
      </c>
      <c r="I91" s="1" t="s">
        <v>228</v>
      </c>
      <c r="J91" s="1" t="s">
        <v>229</v>
      </c>
      <c r="K91" s="1" t="s">
        <v>58</v>
      </c>
      <c r="L91" s="3">
        <v>2010</v>
      </c>
      <c r="M91" s="7"/>
    </row>
    <row r="92" spans="1:13" x14ac:dyDescent="0.3">
      <c r="A92" s="5" t="s">
        <v>446</v>
      </c>
      <c r="B92" s="1" t="s">
        <v>227</v>
      </c>
      <c r="C92" s="1" t="s">
        <v>51</v>
      </c>
      <c r="D92" s="1" t="s">
        <v>52</v>
      </c>
      <c r="E92" s="1"/>
      <c r="F92" s="2">
        <v>4</v>
      </c>
      <c r="G92" s="4">
        <v>5</v>
      </c>
      <c r="H92" s="1" t="s">
        <v>14</v>
      </c>
      <c r="I92" s="1" t="s">
        <v>54</v>
      </c>
      <c r="J92" s="1"/>
      <c r="K92" s="1"/>
      <c r="L92" s="3">
        <v>1975</v>
      </c>
      <c r="M92" s="7"/>
    </row>
    <row r="93" spans="1:13" x14ac:dyDescent="0.3">
      <c r="A93" s="5" t="s">
        <v>446</v>
      </c>
      <c r="B93" s="1" t="s">
        <v>227</v>
      </c>
      <c r="C93" s="1" t="s">
        <v>51</v>
      </c>
      <c r="D93" s="1" t="s">
        <v>52</v>
      </c>
      <c r="E93" s="1"/>
      <c r="F93" s="2">
        <v>4</v>
      </c>
      <c r="G93" s="4">
        <v>1</v>
      </c>
      <c r="H93" s="1" t="s">
        <v>12</v>
      </c>
      <c r="I93" s="1" t="s">
        <v>54</v>
      </c>
      <c r="J93" s="1"/>
      <c r="K93" s="1"/>
      <c r="L93" s="3">
        <v>1975</v>
      </c>
      <c r="M93" s="7"/>
    </row>
    <row r="94" spans="1:13" x14ac:dyDescent="0.3">
      <c r="A94" s="5" t="s">
        <v>446</v>
      </c>
      <c r="B94" s="1" t="s">
        <v>227</v>
      </c>
      <c r="C94" s="1" t="s">
        <v>38</v>
      </c>
      <c r="D94" s="1" t="s">
        <v>39</v>
      </c>
      <c r="E94" s="1"/>
      <c r="F94" s="2">
        <v>2</v>
      </c>
      <c r="G94" s="4">
        <v>1</v>
      </c>
      <c r="H94" s="1" t="s">
        <v>14</v>
      </c>
      <c r="I94" s="1" t="s">
        <v>40</v>
      </c>
      <c r="J94" s="1" t="s">
        <v>230</v>
      </c>
      <c r="K94" s="1" t="s">
        <v>45</v>
      </c>
      <c r="L94" s="3">
        <v>2013</v>
      </c>
      <c r="M94" s="7"/>
    </row>
    <row r="95" spans="1:13" x14ac:dyDescent="0.3">
      <c r="A95" s="5" t="s">
        <v>446</v>
      </c>
      <c r="B95" s="1" t="s">
        <v>227</v>
      </c>
      <c r="C95" s="1" t="s">
        <v>35</v>
      </c>
      <c r="D95" s="1" t="s">
        <v>36</v>
      </c>
      <c r="E95" s="1"/>
      <c r="F95" s="2">
        <v>4</v>
      </c>
      <c r="G95" s="4">
        <v>90</v>
      </c>
      <c r="H95" s="1" t="s">
        <v>13</v>
      </c>
      <c r="I95" s="1" t="s">
        <v>29</v>
      </c>
      <c r="J95" s="1" t="s">
        <v>109</v>
      </c>
      <c r="K95" s="1"/>
      <c r="L95" s="3">
        <v>1975</v>
      </c>
      <c r="M95" s="7"/>
    </row>
    <row r="96" spans="1:13" x14ac:dyDescent="0.3">
      <c r="A96" s="5" t="s">
        <v>446</v>
      </c>
      <c r="B96" s="1" t="s">
        <v>227</v>
      </c>
      <c r="C96" s="1" t="s">
        <v>81</v>
      </c>
      <c r="D96" s="1" t="s">
        <v>82</v>
      </c>
      <c r="E96" s="1"/>
      <c r="F96" s="2">
        <v>4</v>
      </c>
      <c r="G96" s="4">
        <v>1</v>
      </c>
      <c r="H96" s="1" t="s">
        <v>14</v>
      </c>
      <c r="I96" s="1" t="s">
        <v>83</v>
      </c>
      <c r="J96" s="1" t="s">
        <v>231</v>
      </c>
      <c r="K96" s="1" t="s">
        <v>85</v>
      </c>
      <c r="L96" s="3">
        <v>1999</v>
      </c>
      <c r="M96" s="7"/>
    </row>
    <row r="97" spans="1:13" x14ac:dyDescent="0.3">
      <c r="A97" s="5" t="s">
        <v>446</v>
      </c>
      <c r="B97" s="1" t="s">
        <v>227</v>
      </c>
      <c r="C97" s="1" t="s">
        <v>86</v>
      </c>
      <c r="D97" s="1" t="s">
        <v>87</v>
      </c>
      <c r="E97" s="1"/>
      <c r="F97" s="2">
        <v>1</v>
      </c>
      <c r="G97" s="4">
        <v>1</v>
      </c>
      <c r="H97" s="1" t="s">
        <v>14</v>
      </c>
      <c r="I97" s="1" t="s">
        <v>94</v>
      </c>
      <c r="J97" s="1" t="s">
        <v>232</v>
      </c>
      <c r="K97" s="1" t="s">
        <v>233</v>
      </c>
      <c r="L97" s="3">
        <v>2022</v>
      </c>
      <c r="M97" s="7"/>
    </row>
    <row r="98" spans="1:13" x14ac:dyDescent="0.3">
      <c r="A98" s="5" t="s">
        <v>452</v>
      </c>
      <c r="B98" s="1" t="s">
        <v>234</v>
      </c>
      <c r="C98" s="1" t="s">
        <v>86</v>
      </c>
      <c r="D98" s="1" t="s">
        <v>235</v>
      </c>
      <c r="E98" s="1"/>
      <c r="F98" s="2">
        <v>4</v>
      </c>
      <c r="G98" s="4">
        <v>1</v>
      </c>
      <c r="H98" s="1" t="s">
        <v>14</v>
      </c>
      <c r="I98" s="1" t="s">
        <v>83</v>
      </c>
      <c r="J98" s="1" t="s">
        <v>236</v>
      </c>
      <c r="K98" s="1" t="s">
        <v>237</v>
      </c>
      <c r="L98" s="3">
        <v>2002</v>
      </c>
      <c r="M98" s="7"/>
    </row>
    <row r="99" spans="1:13" x14ac:dyDescent="0.3">
      <c r="A99" s="5" t="s">
        <v>452</v>
      </c>
      <c r="B99" s="1" t="s">
        <v>234</v>
      </c>
      <c r="C99" s="1" t="s">
        <v>86</v>
      </c>
      <c r="D99" s="1" t="s">
        <v>235</v>
      </c>
      <c r="E99" s="1"/>
      <c r="F99" s="2">
        <v>1</v>
      </c>
      <c r="G99" s="4">
        <v>1</v>
      </c>
      <c r="H99" s="1" t="s">
        <v>14</v>
      </c>
      <c r="I99" s="1" t="s">
        <v>224</v>
      </c>
      <c r="J99" s="1" t="s">
        <v>238</v>
      </c>
      <c r="K99" s="1" t="s">
        <v>239</v>
      </c>
      <c r="L99" s="3">
        <v>2022</v>
      </c>
      <c r="M99" s="7"/>
    </row>
    <row r="100" spans="1:13" x14ac:dyDescent="0.3">
      <c r="A100" s="5" t="s">
        <v>452</v>
      </c>
      <c r="B100" s="1" t="s">
        <v>234</v>
      </c>
      <c r="C100" s="1" t="s">
        <v>97</v>
      </c>
      <c r="D100" s="1" t="s">
        <v>98</v>
      </c>
      <c r="E100" s="1"/>
      <c r="F100" s="2">
        <v>4</v>
      </c>
      <c r="G100" s="4">
        <v>1</v>
      </c>
      <c r="H100" s="1" t="s">
        <v>14</v>
      </c>
      <c r="I100" s="1" t="s">
        <v>48</v>
      </c>
      <c r="J100" s="1" t="s">
        <v>240</v>
      </c>
      <c r="K100" s="1" t="s">
        <v>241</v>
      </c>
      <c r="L100" s="3">
        <v>2000</v>
      </c>
      <c r="M100" s="7"/>
    </row>
    <row r="101" spans="1:13" x14ac:dyDescent="0.3">
      <c r="A101" s="5" t="s">
        <v>452</v>
      </c>
      <c r="B101" s="6" t="s">
        <v>234</v>
      </c>
      <c r="C101" s="1" t="s">
        <v>81</v>
      </c>
      <c r="D101" s="1" t="s">
        <v>82</v>
      </c>
      <c r="E101" s="1"/>
      <c r="F101" s="2">
        <v>4</v>
      </c>
      <c r="G101" s="4">
        <v>1</v>
      </c>
      <c r="H101" s="1" t="s">
        <v>14</v>
      </c>
      <c r="I101" s="1" t="s">
        <v>242</v>
      </c>
      <c r="J101" s="1" t="s">
        <v>243</v>
      </c>
      <c r="K101" s="1" t="s">
        <v>244</v>
      </c>
      <c r="L101" s="3">
        <v>2003</v>
      </c>
      <c r="M101" s="7"/>
    </row>
    <row r="102" spans="1:13" x14ac:dyDescent="0.3">
      <c r="A102" s="5" t="s">
        <v>452</v>
      </c>
      <c r="B102" s="1" t="s">
        <v>234</v>
      </c>
      <c r="C102" s="1" t="s">
        <v>245</v>
      </c>
      <c r="D102" s="1" t="s">
        <v>246</v>
      </c>
      <c r="E102" s="1" t="s">
        <v>32</v>
      </c>
      <c r="F102" s="2">
        <v>4</v>
      </c>
      <c r="G102" s="4">
        <v>1</v>
      </c>
      <c r="H102" s="1" t="s">
        <v>12</v>
      </c>
      <c r="I102" s="1" t="s">
        <v>54</v>
      </c>
      <c r="J102" s="1" t="s">
        <v>54</v>
      </c>
      <c r="K102" s="1" t="s">
        <v>247</v>
      </c>
      <c r="L102" s="3">
        <v>2010</v>
      </c>
      <c r="M102" s="7"/>
    </row>
    <row r="103" spans="1:13" x14ac:dyDescent="0.3">
      <c r="A103" s="5" t="s">
        <v>452</v>
      </c>
      <c r="B103" s="1" t="s">
        <v>234</v>
      </c>
      <c r="C103" s="1" t="s">
        <v>245</v>
      </c>
      <c r="D103" s="1" t="s">
        <v>246</v>
      </c>
      <c r="E103" s="1"/>
      <c r="F103" s="2">
        <v>4</v>
      </c>
      <c r="G103" s="4">
        <v>1</v>
      </c>
      <c r="H103" s="1" t="s">
        <v>14</v>
      </c>
      <c r="I103" s="1" t="s">
        <v>54</v>
      </c>
      <c r="J103" s="1" t="s">
        <v>54</v>
      </c>
      <c r="K103" s="1" t="s">
        <v>247</v>
      </c>
      <c r="L103" s="3">
        <v>2010</v>
      </c>
      <c r="M103" s="7"/>
    </row>
    <row r="104" spans="1:13" x14ac:dyDescent="0.3">
      <c r="A104" s="5" t="s">
        <v>452</v>
      </c>
      <c r="B104" s="1" t="s">
        <v>234</v>
      </c>
      <c r="C104" s="1" t="s">
        <v>35</v>
      </c>
      <c r="D104" s="1" t="s">
        <v>36</v>
      </c>
      <c r="E104" s="1"/>
      <c r="F104" s="2">
        <v>4</v>
      </c>
      <c r="G104" s="4">
        <v>311</v>
      </c>
      <c r="H104" s="1" t="s">
        <v>13</v>
      </c>
      <c r="I104" s="1" t="s">
        <v>29</v>
      </c>
      <c r="J104" s="1" t="s">
        <v>248</v>
      </c>
      <c r="K104" s="1"/>
      <c r="L104" s="3">
        <v>2000</v>
      </c>
      <c r="M104" s="7"/>
    </row>
    <row r="105" spans="1:13" x14ac:dyDescent="0.3">
      <c r="A105" s="5" t="s">
        <v>452</v>
      </c>
      <c r="B105" s="1" t="s">
        <v>234</v>
      </c>
      <c r="C105" s="1" t="s">
        <v>38</v>
      </c>
      <c r="D105" s="1" t="s">
        <v>39</v>
      </c>
      <c r="E105" s="1"/>
      <c r="F105" s="2">
        <v>1</v>
      </c>
      <c r="G105" s="4">
        <v>2</v>
      </c>
      <c r="H105" s="1" t="s">
        <v>14</v>
      </c>
      <c r="I105" s="1" t="s">
        <v>40</v>
      </c>
      <c r="J105" s="1" t="s">
        <v>41</v>
      </c>
      <c r="K105" s="1" t="s">
        <v>42</v>
      </c>
      <c r="L105" s="3">
        <v>2022</v>
      </c>
      <c r="M105" s="7"/>
    </row>
    <row r="106" spans="1:13" x14ac:dyDescent="0.3">
      <c r="A106" s="5" t="s">
        <v>452</v>
      </c>
      <c r="B106" s="1" t="s">
        <v>234</v>
      </c>
      <c r="C106" s="1" t="s">
        <v>51</v>
      </c>
      <c r="D106" s="1" t="s">
        <v>52</v>
      </c>
      <c r="E106" s="1"/>
      <c r="F106" s="2">
        <v>4</v>
      </c>
      <c r="G106" s="4">
        <v>22</v>
      </c>
      <c r="H106" s="1" t="s">
        <v>14</v>
      </c>
      <c r="I106" s="1" t="s">
        <v>54</v>
      </c>
      <c r="J106" s="1" t="s">
        <v>249</v>
      </c>
      <c r="K106" s="1"/>
      <c r="L106" s="3">
        <v>2000</v>
      </c>
      <c r="M106" s="7"/>
    </row>
    <row r="107" spans="1:13" x14ac:dyDescent="0.3">
      <c r="A107" s="5" t="s">
        <v>452</v>
      </c>
      <c r="B107" s="1" t="s">
        <v>234</v>
      </c>
      <c r="C107" s="1" t="s">
        <v>56</v>
      </c>
      <c r="D107" s="1" t="s">
        <v>57</v>
      </c>
      <c r="E107" s="1"/>
      <c r="F107" s="2">
        <v>3</v>
      </c>
      <c r="G107" s="4">
        <v>4</v>
      </c>
      <c r="H107" s="1" t="s">
        <v>14</v>
      </c>
      <c r="I107" s="1" t="s">
        <v>144</v>
      </c>
      <c r="J107" s="1" t="s">
        <v>60</v>
      </c>
      <c r="K107" s="1" t="s">
        <v>58</v>
      </c>
      <c r="L107" s="3">
        <v>2010</v>
      </c>
      <c r="M107" s="7"/>
    </row>
    <row r="108" spans="1:13" x14ac:dyDescent="0.3">
      <c r="A108" s="5" t="s">
        <v>450</v>
      </c>
      <c r="B108" s="1" t="s">
        <v>250</v>
      </c>
      <c r="C108" s="1" t="s">
        <v>251</v>
      </c>
      <c r="D108" s="1" t="s">
        <v>252</v>
      </c>
      <c r="E108" s="1"/>
      <c r="F108" s="2">
        <v>4</v>
      </c>
      <c r="G108" s="4">
        <v>3</v>
      </c>
      <c r="H108" s="1" t="s">
        <v>14</v>
      </c>
      <c r="I108" s="1" t="s">
        <v>253</v>
      </c>
      <c r="J108" s="1" t="s">
        <v>54</v>
      </c>
      <c r="K108" s="1" t="s">
        <v>58</v>
      </c>
      <c r="L108" s="3">
        <v>2004</v>
      </c>
      <c r="M108" s="7"/>
    </row>
    <row r="109" spans="1:13" x14ac:dyDescent="0.3">
      <c r="A109" s="5" t="s">
        <v>450</v>
      </c>
      <c r="B109" s="1" t="s">
        <v>250</v>
      </c>
      <c r="C109" s="1" t="s">
        <v>254</v>
      </c>
      <c r="D109" s="1" t="s">
        <v>255</v>
      </c>
      <c r="E109" s="1"/>
      <c r="F109" s="2">
        <v>4</v>
      </c>
      <c r="G109" s="4">
        <v>1</v>
      </c>
      <c r="H109" s="1" t="s">
        <v>14</v>
      </c>
      <c r="I109" s="1" t="s">
        <v>256</v>
      </c>
      <c r="J109" s="1" t="s">
        <v>257</v>
      </c>
      <c r="K109" s="1" t="s">
        <v>258</v>
      </c>
      <c r="L109" s="3">
        <v>2004</v>
      </c>
      <c r="M109" s="7"/>
    </row>
    <row r="110" spans="1:13" x14ac:dyDescent="0.3">
      <c r="A110" s="5" t="s">
        <v>450</v>
      </c>
      <c r="B110" s="1" t="s">
        <v>250</v>
      </c>
      <c r="C110" s="1" t="s">
        <v>245</v>
      </c>
      <c r="D110" s="1" t="s">
        <v>246</v>
      </c>
      <c r="E110" s="1"/>
      <c r="F110" s="2">
        <v>3</v>
      </c>
      <c r="G110" s="4">
        <v>1</v>
      </c>
      <c r="H110" s="1" t="s">
        <v>14</v>
      </c>
      <c r="I110" s="1" t="s">
        <v>259</v>
      </c>
      <c r="J110" s="1" t="s">
        <v>260</v>
      </c>
      <c r="K110" s="1" t="s">
        <v>261</v>
      </c>
      <c r="L110" s="3">
        <v>2010</v>
      </c>
      <c r="M110" s="7"/>
    </row>
    <row r="111" spans="1:13" x14ac:dyDescent="0.3">
      <c r="A111" s="5" t="s">
        <v>450</v>
      </c>
      <c r="B111" s="1" t="s">
        <v>250</v>
      </c>
      <c r="C111" s="1" t="s">
        <v>245</v>
      </c>
      <c r="D111" s="1" t="s">
        <v>246</v>
      </c>
      <c r="E111" s="1"/>
      <c r="F111" s="2">
        <v>3</v>
      </c>
      <c r="G111" s="4">
        <v>1</v>
      </c>
      <c r="H111" s="1" t="s">
        <v>262</v>
      </c>
      <c r="I111" s="1" t="s">
        <v>259</v>
      </c>
      <c r="J111" s="1" t="s">
        <v>260</v>
      </c>
      <c r="K111" s="1" t="s">
        <v>261</v>
      </c>
      <c r="L111" s="3">
        <v>2010</v>
      </c>
      <c r="M111" s="7"/>
    </row>
    <row r="112" spans="1:13" x14ac:dyDescent="0.3">
      <c r="A112" s="5" t="s">
        <v>450</v>
      </c>
      <c r="B112" s="1" t="s">
        <v>250</v>
      </c>
      <c r="C112" s="1" t="s">
        <v>245</v>
      </c>
      <c r="D112" s="1" t="s">
        <v>246</v>
      </c>
      <c r="E112" s="1"/>
      <c r="F112" s="2">
        <v>3</v>
      </c>
      <c r="G112" s="4">
        <v>1</v>
      </c>
      <c r="H112" s="1" t="s">
        <v>262</v>
      </c>
      <c r="I112" s="1" t="s">
        <v>259</v>
      </c>
      <c r="J112" s="1" t="s">
        <v>260</v>
      </c>
      <c r="K112" s="1" t="s">
        <v>261</v>
      </c>
      <c r="L112" s="3">
        <v>2010</v>
      </c>
      <c r="M112" s="7"/>
    </row>
    <row r="113" spans="1:13" x14ac:dyDescent="0.3">
      <c r="A113" s="5" t="s">
        <v>450</v>
      </c>
      <c r="B113" s="1" t="s">
        <v>250</v>
      </c>
      <c r="C113" s="1" t="s">
        <v>35</v>
      </c>
      <c r="D113" s="1" t="s">
        <v>36</v>
      </c>
      <c r="E113" s="1"/>
      <c r="F113" s="2">
        <v>4</v>
      </c>
      <c r="G113" s="4">
        <v>861</v>
      </c>
      <c r="H113" s="1" t="s">
        <v>13</v>
      </c>
      <c r="I113" s="1" t="s">
        <v>29</v>
      </c>
      <c r="J113" s="1" t="s">
        <v>263</v>
      </c>
      <c r="K113" s="1"/>
      <c r="L113" s="3">
        <v>2004</v>
      </c>
      <c r="M113" s="7"/>
    </row>
    <row r="114" spans="1:13" x14ac:dyDescent="0.3">
      <c r="A114" s="5" t="s">
        <v>450</v>
      </c>
      <c r="B114" s="1" t="s">
        <v>250</v>
      </c>
      <c r="C114" s="1" t="s">
        <v>51</v>
      </c>
      <c r="D114" s="1" t="s">
        <v>52</v>
      </c>
      <c r="E114" s="1"/>
      <c r="F114" s="2">
        <v>4</v>
      </c>
      <c r="G114" s="4">
        <v>6</v>
      </c>
      <c r="H114" s="1" t="s">
        <v>14</v>
      </c>
      <c r="I114" s="1" t="s">
        <v>54</v>
      </c>
      <c r="J114" s="1" t="s">
        <v>55</v>
      </c>
      <c r="K114" s="1"/>
      <c r="L114" s="3">
        <v>2004</v>
      </c>
      <c r="M114" s="7"/>
    </row>
    <row r="115" spans="1:13" x14ac:dyDescent="0.3">
      <c r="A115" s="5" t="s">
        <v>450</v>
      </c>
      <c r="B115" s="1" t="s">
        <v>250</v>
      </c>
      <c r="C115" s="1" t="s">
        <v>264</v>
      </c>
      <c r="D115" s="1" t="s">
        <v>265</v>
      </c>
      <c r="E115" s="1"/>
      <c r="F115" s="2">
        <v>4</v>
      </c>
      <c r="G115" s="4">
        <v>6</v>
      </c>
      <c r="H115" s="1" t="s">
        <v>14</v>
      </c>
      <c r="I115" s="1" t="s">
        <v>54</v>
      </c>
      <c r="J115" s="1" t="s">
        <v>266</v>
      </c>
      <c r="K115" s="1"/>
      <c r="L115" s="3">
        <v>2003</v>
      </c>
      <c r="M115" s="7"/>
    </row>
    <row r="116" spans="1:13" x14ac:dyDescent="0.3">
      <c r="A116" s="5" t="s">
        <v>450</v>
      </c>
      <c r="B116" s="1" t="s">
        <v>250</v>
      </c>
      <c r="C116" s="1" t="s">
        <v>267</v>
      </c>
      <c r="D116" s="1" t="s">
        <v>268</v>
      </c>
      <c r="E116" s="1"/>
      <c r="F116" s="2">
        <v>4</v>
      </c>
      <c r="G116" s="4">
        <v>2</v>
      </c>
      <c r="H116" s="1" t="s">
        <v>14</v>
      </c>
      <c r="I116" s="1" t="s">
        <v>122</v>
      </c>
      <c r="J116" s="1" t="s">
        <v>269</v>
      </c>
      <c r="K116" s="1" t="s">
        <v>270</v>
      </c>
      <c r="L116" s="3">
        <v>2003</v>
      </c>
      <c r="M116" s="7"/>
    </row>
    <row r="117" spans="1:13" x14ac:dyDescent="0.3">
      <c r="A117" s="5" t="s">
        <v>450</v>
      </c>
      <c r="B117" s="1" t="s">
        <v>250</v>
      </c>
      <c r="C117" s="1" t="s">
        <v>56</v>
      </c>
      <c r="D117" s="1" t="s">
        <v>57</v>
      </c>
      <c r="E117" s="1"/>
      <c r="F117" s="2">
        <v>4</v>
      </c>
      <c r="G117" s="4">
        <v>1</v>
      </c>
      <c r="H117" s="1" t="s">
        <v>14</v>
      </c>
      <c r="I117" s="1" t="s">
        <v>122</v>
      </c>
      <c r="J117" s="1" t="s">
        <v>271</v>
      </c>
      <c r="K117" s="1" t="s">
        <v>272</v>
      </c>
      <c r="L117" s="3">
        <v>2004</v>
      </c>
      <c r="M117" s="7"/>
    </row>
    <row r="118" spans="1:13" x14ac:dyDescent="0.3">
      <c r="A118" s="5" t="s">
        <v>450</v>
      </c>
      <c r="B118" s="1" t="s">
        <v>250</v>
      </c>
      <c r="C118" s="1" t="s">
        <v>56</v>
      </c>
      <c r="D118" s="1" t="s">
        <v>57</v>
      </c>
      <c r="E118" s="1"/>
      <c r="F118" s="2">
        <v>4</v>
      </c>
      <c r="G118" s="4">
        <v>3</v>
      </c>
      <c r="H118" s="1" t="s">
        <v>14</v>
      </c>
      <c r="I118" s="1" t="s">
        <v>122</v>
      </c>
      <c r="J118" s="1" t="s">
        <v>273</v>
      </c>
      <c r="K118" s="1" t="s">
        <v>274</v>
      </c>
      <c r="L118" s="3">
        <v>2004</v>
      </c>
      <c r="M118" s="7"/>
    </row>
    <row r="119" spans="1:13" x14ac:dyDescent="0.3">
      <c r="A119" s="5" t="s">
        <v>450</v>
      </c>
      <c r="B119" s="1" t="s">
        <v>250</v>
      </c>
      <c r="C119" s="1" t="s">
        <v>275</v>
      </c>
      <c r="D119" s="1" t="s">
        <v>276</v>
      </c>
      <c r="E119" s="1"/>
      <c r="F119" s="2">
        <v>4</v>
      </c>
      <c r="G119" s="4">
        <v>1</v>
      </c>
      <c r="H119" s="1" t="s">
        <v>14</v>
      </c>
      <c r="I119" s="1" t="s">
        <v>277</v>
      </c>
      <c r="J119" s="1" t="s">
        <v>278</v>
      </c>
      <c r="K119" s="1" t="s">
        <v>58</v>
      </c>
      <c r="L119" s="3">
        <v>2004</v>
      </c>
      <c r="M119" s="7"/>
    </row>
    <row r="120" spans="1:13" x14ac:dyDescent="0.3">
      <c r="A120" s="5" t="s">
        <v>450</v>
      </c>
      <c r="B120" s="1" t="s">
        <v>279</v>
      </c>
      <c r="C120" s="1" t="s">
        <v>280</v>
      </c>
      <c r="D120" s="1" t="s">
        <v>281</v>
      </c>
      <c r="E120" s="1"/>
      <c r="F120" s="2">
        <v>4</v>
      </c>
      <c r="G120" s="4">
        <v>2</v>
      </c>
      <c r="H120" s="1" t="s">
        <v>14</v>
      </c>
      <c r="I120" s="1" t="s">
        <v>282</v>
      </c>
      <c r="J120" s="1" t="s">
        <v>283</v>
      </c>
      <c r="K120" s="1"/>
      <c r="L120" s="3">
        <v>2004</v>
      </c>
      <c r="M120" s="7"/>
    </row>
    <row r="121" spans="1:13" x14ac:dyDescent="0.3">
      <c r="A121" s="5" t="s">
        <v>450</v>
      </c>
      <c r="B121" s="1" t="s">
        <v>279</v>
      </c>
      <c r="C121" s="1" t="s">
        <v>280</v>
      </c>
      <c r="D121" s="1" t="s">
        <v>281</v>
      </c>
      <c r="E121" s="1"/>
      <c r="F121" s="2">
        <v>4</v>
      </c>
      <c r="G121" s="4">
        <v>2</v>
      </c>
      <c r="H121" s="1" t="s">
        <v>14</v>
      </c>
      <c r="I121" s="1" t="s">
        <v>282</v>
      </c>
      <c r="J121" s="1" t="s">
        <v>283</v>
      </c>
      <c r="K121" s="1"/>
      <c r="L121" s="3">
        <v>2004</v>
      </c>
      <c r="M121" s="7"/>
    </row>
    <row r="122" spans="1:13" x14ac:dyDescent="0.3">
      <c r="A122" s="5" t="s">
        <v>450</v>
      </c>
      <c r="B122" s="1" t="s">
        <v>279</v>
      </c>
      <c r="C122" s="1" t="s">
        <v>71</v>
      </c>
      <c r="D122" s="1" t="s">
        <v>72</v>
      </c>
      <c r="E122" s="1"/>
      <c r="F122" s="2">
        <v>4</v>
      </c>
      <c r="G122" s="4">
        <v>2</v>
      </c>
      <c r="H122" s="1" t="s">
        <v>14</v>
      </c>
      <c r="I122" s="1" t="s">
        <v>228</v>
      </c>
      <c r="J122" s="1" t="s">
        <v>284</v>
      </c>
      <c r="K122" s="1" t="s">
        <v>58</v>
      </c>
      <c r="L122" s="3">
        <v>2010</v>
      </c>
      <c r="M122" s="7"/>
    </row>
    <row r="123" spans="1:13" x14ac:dyDescent="0.3">
      <c r="A123" s="5" t="s">
        <v>450</v>
      </c>
      <c r="B123" s="1" t="s">
        <v>279</v>
      </c>
      <c r="C123" s="1" t="s">
        <v>56</v>
      </c>
      <c r="D123" s="1" t="s">
        <v>57</v>
      </c>
      <c r="E123" s="1"/>
      <c r="F123" s="2">
        <v>4</v>
      </c>
      <c r="G123" s="4">
        <v>1</v>
      </c>
      <c r="H123" s="1" t="s">
        <v>14</v>
      </c>
      <c r="I123" s="1" t="s">
        <v>122</v>
      </c>
      <c r="J123" s="1" t="s">
        <v>285</v>
      </c>
      <c r="K123" s="1" t="s">
        <v>286</v>
      </c>
      <c r="L123" s="3">
        <v>2004</v>
      </c>
      <c r="M123" s="7"/>
    </row>
    <row r="124" spans="1:13" x14ac:dyDescent="0.3">
      <c r="A124" s="5" t="s">
        <v>450</v>
      </c>
      <c r="B124" s="1" t="s">
        <v>279</v>
      </c>
      <c r="C124" s="1" t="s">
        <v>56</v>
      </c>
      <c r="D124" s="1" t="s">
        <v>57</v>
      </c>
      <c r="E124" s="1"/>
      <c r="F124" s="2">
        <v>4</v>
      </c>
      <c r="G124" s="4">
        <v>1</v>
      </c>
      <c r="H124" s="1" t="s">
        <v>14</v>
      </c>
      <c r="I124" s="1" t="s">
        <v>122</v>
      </c>
      <c r="J124" s="1" t="s">
        <v>285</v>
      </c>
      <c r="K124" s="1" t="s">
        <v>286</v>
      </c>
      <c r="L124" s="3">
        <v>2004</v>
      </c>
      <c r="M124" s="7"/>
    </row>
    <row r="125" spans="1:13" x14ac:dyDescent="0.3">
      <c r="A125" s="5" t="s">
        <v>450</v>
      </c>
      <c r="B125" s="1" t="s">
        <v>279</v>
      </c>
      <c r="C125" s="1" t="s">
        <v>51</v>
      </c>
      <c r="D125" s="1" t="s">
        <v>52</v>
      </c>
      <c r="E125" s="1"/>
      <c r="F125" s="2">
        <v>4</v>
      </c>
      <c r="G125" s="4">
        <v>6</v>
      </c>
      <c r="H125" s="1" t="s">
        <v>14</v>
      </c>
      <c r="I125" s="1" t="s">
        <v>54</v>
      </c>
      <c r="J125" s="1" t="s">
        <v>287</v>
      </c>
      <c r="K125" s="1"/>
      <c r="L125" s="3">
        <v>2004</v>
      </c>
      <c r="M125" s="7"/>
    </row>
    <row r="126" spans="1:13" x14ac:dyDescent="0.3">
      <c r="A126" s="5" t="s">
        <v>450</v>
      </c>
      <c r="B126" s="1" t="s">
        <v>279</v>
      </c>
      <c r="C126" s="1" t="s">
        <v>35</v>
      </c>
      <c r="D126" s="1" t="s">
        <v>36</v>
      </c>
      <c r="E126" s="1"/>
      <c r="F126" s="2">
        <v>4</v>
      </c>
      <c r="G126" s="4">
        <v>58</v>
      </c>
      <c r="H126" s="1" t="s">
        <v>13</v>
      </c>
      <c r="I126" s="1" t="s">
        <v>29</v>
      </c>
      <c r="J126" s="1" t="s">
        <v>248</v>
      </c>
      <c r="K126" s="1"/>
      <c r="L126" s="3">
        <v>2004</v>
      </c>
      <c r="M126" s="7"/>
    </row>
    <row r="127" spans="1:13" x14ac:dyDescent="0.3">
      <c r="A127" s="5" t="s">
        <v>450</v>
      </c>
      <c r="B127" s="1" t="s">
        <v>279</v>
      </c>
      <c r="C127" s="1" t="s">
        <v>245</v>
      </c>
      <c r="D127" s="1" t="s">
        <v>246</v>
      </c>
      <c r="E127" s="1"/>
      <c r="F127" s="2">
        <v>3</v>
      </c>
      <c r="G127" s="4">
        <v>1</v>
      </c>
      <c r="H127" s="1" t="s">
        <v>262</v>
      </c>
      <c r="I127" s="1" t="s">
        <v>259</v>
      </c>
      <c r="J127" s="1" t="s">
        <v>288</v>
      </c>
      <c r="K127" s="1" t="s">
        <v>289</v>
      </c>
      <c r="L127" s="3">
        <v>2010</v>
      </c>
      <c r="M127" s="7"/>
    </row>
    <row r="128" spans="1:13" x14ac:dyDescent="0.3">
      <c r="A128" s="5" t="s">
        <v>450</v>
      </c>
      <c r="B128" s="1" t="s">
        <v>279</v>
      </c>
      <c r="C128" s="1" t="s">
        <v>245</v>
      </c>
      <c r="D128" s="1" t="s">
        <v>246</v>
      </c>
      <c r="E128" s="1"/>
      <c r="F128" s="2">
        <v>3</v>
      </c>
      <c r="G128" s="4">
        <v>1</v>
      </c>
      <c r="H128" s="1" t="s">
        <v>262</v>
      </c>
      <c r="I128" s="1" t="s">
        <v>259</v>
      </c>
      <c r="J128" s="1" t="s">
        <v>288</v>
      </c>
      <c r="K128" s="1" t="s">
        <v>289</v>
      </c>
      <c r="L128" s="3">
        <v>2010</v>
      </c>
      <c r="M128" s="7"/>
    </row>
    <row r="129" spans="1:13" x14ac:dyDescent="0.3">
      <c r="A129" s="5" t="s">
        <v>450</v>
      </c>
      <c r="B129" s="1" t="s">
        <v>279</v>
      </c>
      <c r="C129" s="1" t="s">
        <v>245</v>
      </c>
      <c r="D129" s="1" t="s">
        <v>246</v>
      </c>
      <c r="E129" s="1"/>
      <c r="F129" s="2">
        <v>3</v>
      </c>
      <c r="G129" s="4">
        <v>1</v>
      </c>
      <c r="H129" s="1" t="s">
        <v>14</v>
      </c>
      <c r="I129" s="1" t="s">
        <v>259</v>
      </c>
      <c r="J129" s="1" t="s">
        <v>288</v>
      </c>
      <c r="K129" s="1" t="s">
        <v>289</v>
      </c>
      <c r="L129" s="3">
        <v>2010</v>
      </c>
      <c r="M129" s="7"/>
    </row>
    <row r="130" spans="1:13" x14ac:dyDescent="0.3">
      <c r="A130" s="5" t="s">
        <v>450</v>
      </c>
      <c r="B130" s="1" t="s">
        <v>279</v>
      </c>
      <c r="C130" s="1" t="s">
        <v>290</v>
      </c>
      <c r="D130" s="1" t="s">
        <v>291</v>
      </c>
      <c r="E130" s="1"/>
      <c r="F130" s="2">
        <v>4</v>
      </c>
      <c r="G130" s="4">
        <v>1</v>
      </c>
      <c r="H130" s="1" t="s">
        <v>14</v>
      </c>
      <c r="I130" s="1" t="s">
        <v>253</v>
      </c>
      <c r="J130" s="1"/>
      <c r="K130" s="1"/>
      <c r="L130" s="3">
        <v>2004</v>
      </c>
      <c r="M130" s="7" t="s">
        <v>292</v>
      </c>
    </row>
    <row r="131" spans="1:13" x14ac:dyDescent="0.3">
      <c r="A131" s="5" t="s">
        <v>450</v>
      </c>
      <c r="B131" s="1" t="s">
        <v>279</v>
      </c>
      <c r="C131" s="1" t="s">
        <v>290</v>
      </c>
      <c r="D131" s="1" t="s">
        <v>291</v>
      </c>
      <c r="E131" s="1"/>
      <c r="F131" s="2">
        <v>4</v>
      </c>
      <c r="G131" s="4">
        <v>1</v>
      </c>
      <c r="H131" s="1" t="s">
        <v>14</v>
      </c>
      <c r="I131" s="1" t="s">
        <v>253</v>
      </c>
      <c r="J131" s="1"/>
      <c r="K131" s="1"/>
      <c r="L131" s="3">
        <v>2004</v>
      </c>
      <c r="M131" s="7" t="s">
        <v>292</v>
      </c>
    </row>
    <row r="132" spans="1:13" x14ac:dyDescent="0.3">
      <c r="A132" s="5" t="s">
        <v>450</v>
      </c>
      <c r="B132" s="1" t="s">
        <v>279</v>
      </c>
      <c r="C132" s="1" t="s">
        <v>290</v>
      </c>
      <c r="D132" s="1" t="s">
        <v>291</v>
      </c>
      <c r="E132" s="1"/>
      <c r="F132" s="2">
        <v>4</v>
      </c>
      <c r="G132" s="4">
        <v>1</v>
      </c>
      <c r="H132" s="1" t="s">
        <v>12</v>
      </c>
      <c r="I132" s="1" t="s">
        <v>253</v>
      </c>
      <c r="J132" s="1"/>
      <c r="K132" s="1"/>
      <c r="L132" s="3">
        <v>2004</v>
      </c>
      <c r="M132" s="7" t="s">
        <v>292</v>
      </c>
    </row>
    <row r="133" spans="1:13" x14ac:dyDescent="0.3">
      <c r="A133" s="5" t="s">
        <v>449</v>
      </c>
      <c r="B133" s="1" t="s">
        <v>293</v>
      </c>
      <c r="C133" s="1" t="s">
        <v>294</v>
      </c>
      <c r="D133" s="1" t="s">
        <v>295</v>
      </c>
      <c r="E133" s="1"/>
      <c r="F133" s="2">
        <v>2</v>
      </c>
      <c r="G133" s="4">
        <v>1</v>
      </c>
      <c r="H133" s="1" t="s">
        <v>14</v>
      </c>
      <c r="I133" s="1" t="s">
        <v>296</v>
      </c>
      <c r="J133" s="1" t="s">
        <v>297</v>
      </c>
      <c r="K133" s="1" t="s">
        <v>298</v>
      </c>
      <c r="L133" s="3">
        <v>2011</v>
      </c>
      <c r="M133" s="7"/>
    </row>
    <row r="134" spans="1:13" x14ac:dyDescent="0.3">
      <c r="A134" s="5" t="s">
        <v>449</v>
      </c>
      <c r="B134" s="1" t="s">
        <v>293</v>
      </c>
      <c r="C134" s="1" t="s">
        <v>294</v>
      </c>
      <c r="D134" s="1" t="s">
        <v>295</v>
      </c>
      <c r="E134" s="1"/>
      <c r="F134" s="2">
        <v>2</v>
      </c>
      <c r="G134" s="4">
        <v>1</v>
      </c>
      <c r="H134" s="1" t="s">
        <v>14</v>
      </c>
      <c r="I134" s="1" t="s">
        <v>296</v>
      </c>
      <c r="J134" s="1" t="s">
        <v>297</v>
      </c>
      <c r="K134" s="1" t="s">
        <v>298</v>
      </c>
      <c r="L134" s="3">
        <v>2011</v>
      </c>
      <c r="M134" s="7"/>
    </row>
    <row r="135" spans="1:13" x14ac:dyDescent="0.3">
      <c r="A135" s="5" t="s">
        <v>449</v>
      </c>
      <c r="B135" s="1" t="s">
        <v>293</v>
      </c>
      <c r="C135" s="1" t="s">
        <v>299</v>
      </c>
      <c r="D135" s="1" t="s">
        <v>300</v>
      </c>
      <c r="E135" s="1"/>
      <c r="F135" s="2">
        <v>4</v>
      </c>
      <c r="G135" s="4">
        <v>7</v>
      </c>
      <c r="H135" s="1" t="s">
        <v>14</v>
      </c>
      <c r="I135" s="1"/>
      <c r="J135" s="1"/>
      <c r="K135" s="1"/>
      <c r="L135" s="3">
        <v>2000</v>
      </c>
      <c r="M135" s="7"/>
    </row>
    <row r="136" spans="1:13" x14ac:dyDescent="0.3">
      <c r="A136" s="5" t="s">
        <v>453</v>
      </c>
      <c r="B136" s="1" t="s">
        <v>301</v>
      </c>
      <c r="C136" s="1" t="s">
        <v>56</v>
      </c>
      <c r="D136" s="1" t="s">
        <v>57</v>
      </c>
      <c r="E136" s="1"/>
      <c r="F136" s="2">
        <v>3</v>
      </c>
      <c r="G136" s="4">
        <v>3</v>
      </c>
      <c r="H136" s="1" t="s">
        <v>14</v>
      </c>
      <c r="I136" s="1" t="s">
        <v>122</v>
      </c>
      <c r="J136" s="1" t="s">
        <v>60</v>
      </c>
      <c r="K136" s="1" t="s">
        <v>58</v>
      </c>
      <c r="L136" s="3">
        <v>2011</v>
      </c>
      <c r="M136" s="7"/>
    </row>
    <row r="137" spans="1:13" x14ac:dyDescent="0.3">
      <c r="A137" s="5" t="s">
        <v>453</v>
      </c>
      <c r="B137" s="1" t="s">
        <v>301</v>
      </c>
      <c r="C137" s="1" t="s">
        <v>56</v>
      </c>
      <c r="D137" s="1" t="s">
        <v>57</v>
      </c>
      <c r="E137" s="1"/>
      <c r="F137" s="2">
        <v>2</v>
      </c>
      <c r="G137" s="4">
        <v>1</v>
      </c>
      <c r="H137" s="1" t="s">
        <v>14</v>
      </c>
      <c r="I137" s="1" t="s">
        <v>144</v>
      </c>
      <c r="J137" s="1" t="s">
        <v>145</v>
      </c>
      <c r="K137" s="1" t="s">
        <v>146</v>
      </c>
      <c r="L137" s="3">
        <v>2014</v>
      </c>
      <c r="M137" s="7"/>
    </row>
    <row r="138" spans="1:13" x14ac:dyDescent="0.3">
      <c r="A138" s="5" t="s">
        <v>453</v>
      </c>
      <c r="B138" s="1" t="s">
        <v>301</v>
      </c>
      <c r="C138" s="1" t="s">
        <v>51</v>
      </c>
      <c r="D138" s="1" t="s">
        <v>52</v>
      </c>
      <c r="E138" s="1"/>
      <c r="F138" s="2">
        <v>3</v>
      </c>
      <c r="G138" s="4">
        <v>17</v>
      </c>
      <c r="H138" s="1" t="s">
        <v>14</v>
      </c>
      <c r="I138" s="1" t="s">
        <v>54</v>
      </c>
      <c r="J138" s="1" t="s">
        <v>55</v>
      </c>
      <c r="K138" s="1"/>
      <c r="L138" s="3">
        <v>2011</v>
      </c>
      <c r="M138" s="7"/>
    </row>
    <row r="139" spans="1:13" x14ac:dyDescent="0.3">
      <c r="A139" s="5" t="s">
        <v>453</v>
      </c>
      <c r="B139" s="1" t="s">
        <v>301</v>
      </c>
      <c r="C139" s="1" t="s">
        <v>38</v>
      </c>
      <c r="D139" s="1" t="s">
        <v>39</v>
      </c>
      <c r="E139" s="1"/>
      <c r="F139" s="2">
        <v>3</v>
      </c>
      <c r="G139" s="4">
        <v>1</v>
      </c>
      <c r="H139" s="1" t="s">
        <v>14</v>
      </c>
      <c r="I139" s="1" t="s">
        <v>40</v>
      </c>
      <c r="J139" s="1" t="s">
        <v>302</v>
      </c>
      <c r="K139" s="1" t="s">
        <v>303</v>
      </c>
      <c r="L139" s="3">
        <v>2011</v>
      </c>
      <c r="M139" s="7"/>
    </row>
    <row r="140" spans="1:13" x14ac:dyDescent="0.3">
      <c r="A140" s="5" t="s">
        <v>453</v>
      </c>
      <c r="B140" s="6" t="s">
        <v>301</v>
      </c>
      <c r="C140" s="1" t="s">
        <v>35</v>
      </c>
      <c r="D140" s="1" t="s">
        <v>36</v>
      </c>
      <c r="E140" s="1"/>
      <c r="F140" s="2">
        <v>3</v>
      </c>
      <c r="G140" s="4">
        <v>496</v>
      </c>
      <c r="H140" s="1" t="s">
        <v>13</v>
      </c>
      <c r="I140" s="1" t="s">
        <v>29</v>
      </c>
      <c r="J140" s="1" t="s">
        <v>304</v>
      </c>
      <c r="K140" s="1"/>
      <c r="L140" s="3">
        <v>2011</v>
      </c>
      <c r="M140" s="7"/>
    </row>
    <row r="141" spans="1:13" x14ac:dyDescent="0.3">
      <c r="A141" s="5" t="s">
        <v>453</v>
      </c>
      <c r="B141" s="1" t="s">
        <v>301</v>
      </c>
      <c r="C141" s="1" t="s">
        <v>245</v>
      </c>
      <c r="D141" s="1" t="s">
        <v>246</v>
      </c>
      <c r="E141" s="1"/>
      <c r="F141" s="2">
        <v>2</v>
      </c>
      <c r="G141" s="4">
        <v>2</v>
      </c>
      <c r="H141" s="1" t="s">
        <v>262</v>
      </c>
      <c r="I141" s="1" t="s">
        <v>305</v>
      </c>
      <c r="J141" s="1" t="s">
        <v>306</v>
      </c>
      <c r="K141" s="1" t="s">
        <v>307</v>
      </c>
      <c r="L141" s="3">
        <v>2013</v>
      </c>
      <c r="M141" s="7" t="s">
        <v>308</v>
      </c>
    </row>
    <row r="142" spans="1:13" x14ac:dyDescent="0.3">
      <c r="A142" s="5" t="s">
        <v>453</v>
      </c>
      <c r="B142" s="1" t="s">
        <v>301</v>
      </c>
      <c r="C142" s="1" t="s">
        <v>245</v>
      </c>
      <c r="D142" s="1" t="s">
        <v>246</v>
      </c>
      <c r="E142" s="1"/>
      <c r="F142" s="2">
        <v>2</v>
      </c>
      <c r="G142" s="4">
        <v>2</v>
      </c>
      <c r="H142" s="1" t="s">
        <v>262</v>
      </c>
      <c r="I142" s="1" t="s">
        <v>305</v>
      </c>
      <c r="J142" s="1" t="s">
        <v>306</v>
      </c>
      <c r="K142" s="1" t="s">
        <v>307</v>
      </c>
      <c r="L142" s="3">
        <v>2013</v>
      </c>
      <c r="M142" s="7" t="s">
        <v>308</v>
      </c>
    </row>
    <row r="143" spans="1:13" x14ac:dyDescent="0.3">
      <c r="A143" s="5" t="s">
        <v>453</v>
      </c>
      <c r="B143" s="1" t="s">
        <v>301</v>
      </c>
      <c r="C143" s="1" t="s">
        <v>245</v>
      </c>
      <c r="D143" s="1" t="s">
        <v>246</v>
      </c>
      <c r="E143" s="1"/>
      <c r="F143" s="2">
        <v>2</v>
      </c>
      <c r="G143" s="4">
        <v>2</v>
      </c>
      <c r="H143" s="1" t="s">
        <v>14</v>
      </c>
      <c r="I143" s="1" t="s">
        <v>305</v>
      </c>
      <c r="J143" s="1" t="s">
        <v>306</v>
      </c>
      <c r="K143" s="1" t="s">
        <v>307</v>
      </c>
      <c r="L143" s="3">
        <v>2013</v>
      </c>
      <c r="M143" s="7" t="s">
        <v>308</v>
      </c>
    </row>
    <row r="144" spans="1:13" x14ac:dyDescent="0.3">
      <c r="A144" s="5" t="s">
        <v>453</v>
      </c>
      <c r="B144" s="1" t="s">
        <v>301</v>
      </c>
      <c r="C144" s="1" t="s">
        <v>103</v>
      </c>
      <c r="D144" s="1" t="s">
        <v>104</v>
      </c>
      <c r="E144" s="1"/>
      <c r="F144" s="2">
        <v>2</v>
      </c>
      <c r="G144" s="4">
        <v>1</v>
      </c>
      <c r="H144" s="1" t="s">
        <v>14</v>
      </c>
      <c r="I144" s="1" t="s">
        <v>309</v>
      </c>
      <c r="J144" s="1" t="s">
        <v>310</v>
      </c>
      <c r="K144" s="1" t="s">
        <v>121</v>
      </c>
      <c r="L144" s="3">
        <v>2011</v>
      </c>
      <c r="M144" s="7"/>
    </row>
    <row r="145" spans="1:13" x14ac:dyDescent="0.3">
      <c r="A145" s="5" t="s">
        <v>453</v>
      </c>
      <c r="B145" s="1" t="s">
        <v>301</v>
      </c>
      <c r="C145" s="1" t="s">
        <v>97</v>
      </c>
      <c r="D145" s="1" t="s">
        <v>98</v>
      </c>
      <c r="E145" s="1"/>
      <c r="F145" s="2">
        <v>3</v>
      </c>
      <c r="G145" s="4">
        <v>1</v>
      </c>
      <c r="H145" s="1" t="s">
        <v>14</v>
      </c>
      <c r="I145" s="1" t="s">
        <v>126</v>
      </c>
      <c r="J145" s="1" t="s">
        <v>127</v>
      </c>
      <c r="K145" s="1" t="s">
        <v>128</v>
      </c>
      <c r="L145" s="3">
        <v>2011</v>
      </c>
      <c r="M145" s="7"/>
    </row>
    <row r="146" spans="1:13" x14ac:dyDescent="0.3">
      <c r="A146" s="5" t="s">
        <v>453</v>
      </c>
      <c r="B146" s="1" t="s">
        <v>301</v>
      </c>
      <c r="C146" s="1" t="s">
        <v>16</v>
      </c>
      <c r="D146" s="1" t="s">
        <v>17</v>
      </c>
      <c r="E146" s="1"/>
      <c r="F146" s="2">
        <v>3</v>
      </c>
      <c r="G146" s="4">
        <v>1</v>
      </c>
      <c r="H146" s="1" t="s">
        <v>14</v>
      </c>
      <c r="I146" s="1" t="s">
        <v>18</v>
      </c>
      <c r="J146" s="1" t="s">
        <v>311</v>
      </c>
      <c r="K146" s="1" t="s">
        <v>118</v>
      </c>
      <c r="L146" s="3">
        <v>2008</v>
      </c>
      <c r="M146" s="7"/>
    </row>
    <row r="147" spans="1:13" x14ac:dyDescent="0.3">
      <c r="A147" s="5" t="s">
        <v>454</v>
      </c>
      <c r="B147" s="1" t="s">
        <v>312</v>
      </c>
      <c r="C147" s="1" t="s">
        <v>86</v>
      </c>
      <c r="D147" s="1" t="s">
        <v>87</v>
      </c>
      <c r="E147" s="1"/>
      <c r="F147" s="2">
        <v>2</v>
      </c>
      <c r="G147" s="4">
        <v>1</v>
      </c>
      <c r="H147" s="1" t="s">
        <v>14</v>
      </c>
      <c r="I147" s="1" t="s">
        <v>83</v>
      </c>
      <c r="J147" s="1" t="s">
        <v>313</v>
      </c>
      <c r="K147" s="1" t="s">
        <v>314</v>
      </c>
      <c r="L147" s="3">
        <v>2013</v>
      </c>
      <c r="M147" s="7"/>
    </row>
    <row r="148" spans="1:13" x14ac:dyDescent="0.3">
      <c r="A148" s="5" t="s">
        <v>454</v>
      </c>
      <c r="B148" s="1" t="s">
        <v>312</v>
      </c>
      <c r="C148" s="1" t="s">
        <v>81</v>
      </c>
      <c r="D148" s="1" t="s">
        <v>82</v>
      </c>
      <c r="E148" s="1"/>
      <c r="F148" s="2">
        <v>2</v>
      </c>
      <c r="G148" s="4">
        <v>1</v>
      </c>
      <c r="H148" s="1" t="s">
        <v>14</v>
      </c>
      <c r="I148" s="1" t="s">
        <v>83</v>
      </c>
      <c r="J148" s="1" t="s">
        <v>315</v>
      </c>
      <c r="K148" s="1" t="s">
        <v>316</v>
      </c>
      <c r="L148" s="3">
        <v>2013</v>
      </c>
      <c r="M148" s="7"/>
    </row>
    <row r="149" spans="1:13" x14ac:dyDescent="0.3">
      <c r="A149" s="5" t="s">
        <v>454</v>
      </c>
      <c r="B149" s="1" t="s">
        <v>312</v>
      </c>
      <c r="C149" s="1" t="s">
        <v>317</v>
      </c>
      <c r="D149" s="1" t="s">
        <v>318</v>
      </c>
      <c r="E149" s="1"/>
      <c r="F149" s="2">
        <v>2</v>
      </c>
      <c r="G149" s="4">
        <v>4</v>
      </c>
      <c r="H149" s="1" t="s">
        <v>14</v>
      </c>
      <c r="I149" s="1" t="s">
        <v>319</v>
      </c>
      <c r="J149" s="1" t="s">
        <v>320</v>
      </c>
      <c r="K149" s="1" t="s">
        <v>321</v>
      </c>
      <c r="L149" s="3">
        <v>2014</v>
      </c>
      <c r="M149" s="7" t="s">
        <v>466</v>
      </c>
    </row>
    <row r="150" spans="1:13" x14ac:dyDescent="0.3">
      <c r="A150" s="5" t="s">
        <v>454</v>
      </c>
      <c r="B150" s="1" t="s">
        <v>312</v>
      </c>
      <c r="C150" s="1" t="s">
        <v>317</v>
      </c>
      <c r="D150" s="1" t="s">
        <v>318</v>
      </c>
      <c r="E150" s="1"/>
      <c r="F150" s="2">
        <v>2</v>
      </c>
      <c r="G150" s="4">
        <v>1</v>
      </c>
      <c r="H150" s="1" t="s">
        <v>14</v>
      </c>
      <c r="I150" s="1" t="s">
        <v>319</v>
      </c>
      <c r="J150" s="1" t="s">
        <v>320</v>
      </c>
      <c r="K150" s="1" t="s">
        <v>321</v>
      </c>
      <c r="L150" s="3">
        <v>2014</v>
      </c>
      <c r="M150" s="7" t="s">
        <v>466</v>
      </c>
    </row>
    <row r="151" spans="1:13" x14ac:dyDescent="0.3">
      <c r="A151" s="5" t="s">
        <v>454</v>
      </c>
      <c r="B151" s="1" t="s">
        <v>312</v>
      </c>
      <c r="C151" s="1" t="s">
        <v>35</v>
      </c>
      <c r="D151" s="1" t="s">
        <v>36</v>
      </c>
      <c r="E151" s="1"/>
      <c r="F151" s="2">
        <v>2</v>
      </c>
      <c r="G151" s="4">
        <v>106</v>
      </c>
      <c r="H151" s="1" t="s">
        <v>13</v>
      </c>
      <c r="I151" s="1" t="s">
        <v>29</v>
      </c>
      <c r="J151" s="1" t="s">
        <v>143</v>
      </c>
      <c r="K151" s="1"/>
      <c r="L151" s="3">
        <v>2013</v>
      </c>
      <c r="M151" s="7"/>
    </row>
    <row r="152" spans="1:13" x14ac:dyDescent="0.3">
      <c r="A152" s="5" t="s">
        <v>454</v>
      </c>
      <c r="B152" s="1" t="s">
        <v>312</v>
      </c>
      <c r="C152" s="1" t="s">
        <v>38</v>
      </c>
      <c r="D152" s="1" t="s">
        <v>39</v>
      </c>
      <c r="E152" s="1"/>
      <c r="F152" s="2">
        <v>2</v>
      </c>
      <c r="G152" s="4">
        <v>1</v>
      </c>
      <c r="H152" s="1" t="s">
        <v>14</v>
      </c>
      <c r="I152" s="1" t="s">
        <v>40</v>
      </c>
      <c r="J152" s="1" t="s">
        <v>230</v>
      </c>
      <c r="K152" s="1" t="s">
        <v>45</v>
      </c>
      <c r="L152" s="3">
        <v>2012</v>
      </c>
      <c r="M152" s="7"/>
    </row>
    <row r="153" spans="1:13" x14ac:dyDescent="0.3">
      <c r="A153" s="5" t="s">
        <v>454</v>
      </c>
      <c r="B153" s="1" t="s">
        <v>312</v>
      </c>
      <c r="C153" s="1" t="s">
        <v>71</v>
      </c>
      <c r="D153" s="1" t="s">
        <v>322</v>
      </c>
      <c r="E153" s="1"/>
      <c r="F153" s="2">
        <v>2</v>
      </c>
      <c r="G153" s="4">
        <v>1</v>
      </c>
      <c r="H153" s="1" t="s">
        <v>14</v>
      </c>
      <c r="I153" s="1" t="s">
        <v>144</v>
      </c>
      <c r="J153" s="1" t="s">
        <v>323</v>
      </c>
      <c r="K153" s="1" t="s">
        <v>324</v>
      </c>
      <c r="L153" s="3">
        <v>2012</v>
      </c>
      <c r="M153" s="7"/>
    </row>
    <row r="154" spans="1:13" x14ac:dyDescent="0.3">
      <c r="A154" s="5" t="s">
        <v>455</v>
      </c>
      <c r="B154" s="1" t="s">
        <v>325</v>
      </c>
      <c r="C154" s="1" t="s">
        <v>86</v>
      </c>
      <c r="D154" s="1" t="s">
        <v>87</v>
      </c>
      <c r="E154" s="1"/>
      <c r="F154" s="2">
        <v>1</v>
      </c>
      <c r="G154" s="4">
        <v>1</v>
      </c>
      <c r="H154" s="1" t="s">
        <v>14</v>
      </c>
      <c r="I154" s="1" t="s">
        <v>94</v>
      </c>
      <c r="J154" s="1" t="s">
        <v>326</v>
      </c>
      <c r="K154" s="1" t="s">
        <v>233</v>
      </c>
      <c r="L154" s="3">
        <v>2016</v>
      </c>
      <c r="M154" s="7"/>
    </row>
    <row r="155" spans="1:13" x14ac:dyDescent="0.3">
      <c r="A155" s="5" t="s">
        <v>455</v>
      </c>
      <c r="B155" s="1" t="s">
        <v>325</v>
      </c>
      <c r="C155" s="1" t="s">
        <v>35</v>
      </c>
      <c r="D155" s="1" t="s">
        <v>36</v>
      </c>
      <c r="E155" s="1"/>
      <c r="F155" s="2">
        <v>4</v>
      </c>
      <c r="G155" s="4">
        <v>177</v>
      </c>
      <c r="H155" s="1" t="s">
        <v>13</v>
      </c>
      <c r="I155" s="1" t="s">
        <v>29</v>
      </c>
      <c r="J155" s="1"/>
      <c r="K155" s="1"/>
      <c r="L155" s="3">
        <v>1975</v>
      </c>
      <c r="M155" s="7"/>
    </row>
    <row r="156" spans="1:13" x14ac:dyDescent="0.3">
      <c r="A156" s="5" t="s">
        <v>455</v>
      </c>
      <c r="B156" s="1" t="s">
        <v>325</v>
      </c>
      <c r="C156" s="1" t="s">
        <v>38</v>
      </c>
      <c r="D156" s="1" t="s">
        <v>39</v>
      </c>
      <c r="E156" s="1"/>
      <c r="F156" s="2">
        <v>3</v>
      </c>
      <c r="G156" s="4">
        <v>1</v>
      </c>
      <c r="H156" s="1" t="s">
        <v>14</v>
      </c>
      <c r="I156" s="1" t="s">
        <v>40</v>
      </c>
      <c r="J156" s="1" t="s">
        <v>41</v>
      </c>
      <c r="K156" s="1" t="s">
        <v>42</v>
      </c>
      <c r="L156" s="3">
        <v>1991</v>
      </c>
      <c r="M156" s="7"/>
    </row>
    <row r="157" spans="1:13" x14ac:dyDescent="0.3">
      <c r="A157" s="5" t="s">
        <v>455</v>
      </c>
      <c r="B157" s="1" t="s">
        <v>325</v>
      </c>
      <c r="C157" s="1" t="s">
        <v>51</v>
      </c>
      <c r="D157" s="1" t="s">
        <v>52</v>
      </c>
      <c r="E157" s="1"/>
      <c r="F157" s="2">
        <v>4</v>
      </c>
      <c r="G157" s="4">
        <v>7</v>
      </c>
      <c r="H157" s="1" t="s">
        <v>14</v>
      </c>
      <c r="I157" s="1" t="s">
        <v>54</v>
      </c>
      <c r="J157" s="1"/>
      <c r="K157" s="1"/>
      <c r="L157" s="3">
        <v>1975</v>
      </c>
      <c r="M157" s="7"/>
    </row>
    <row r="158" spans="1:13" x14ac:dyDescent="0.3">
      <c r="A158" s="5" t="s">
        <v>455</v>
      </c>
      <c r="B158" s="1" t="s">
        <v>325</v>
      </c>
      <c r="C158" s="1" t="s">
        <v>71</v>
      </c>
      <c r="D158" s="1" t="s">
        <v>72</v>
      </c>
      <c r="E158" s="1"/>
      <c r="F158" s="2">
        <v>1</v>
      </c>
      <c r="G158" s="4">
        <v>1</v>
      </c>
      <c r="H158" s="1" t="s">
        <v>14</v>
      </c>
      <c r="I158" s="1" t="s">
        <v>327</v>
      </c>
      <c r="J158" s="1" t="s">
        <v>328</v>
      </c>
      <c r="K158" s="1" t="s">
        <v>58</v>
      </c>
      <c r="L158" s="3">
        <v>2016</v>
      </c>
      <c r="M158" s="7"/>
    </row>
    <row r="159" spans="1:13" x14ac:dyDescent="0.3">
      <c r="A159" s="5" t="s">
        <v>455</v>
      </c>
      <c r="B159" s="1" t="s">
        <v>325</v>
      </c>
      <c r="C159" s="1" t="s">
        <v>71</v>
      </c>
      <c r="D159" s="1" t="s">
        <v>72</v>
      </c>
      <c r="E159" s="1"/>
      <c r="F159" s="2">
        <v>4</v>
      </c>
      <c r="G159" s="4">
        <v>1</v>
      </c>
      <c r="H159" s="1" t="s">
        <v>14</v>
      </c>
      <c r="I159" s="1" t="s">
        <v>329</v>
      </c>
      <c r="J159" s="1" t="s">
        <v>330</v>
      </c>
      <c r="K159" s="1" t="s">
        <v>58</v>
      </c>
      <c r="L159" s="3">
        <v>2009</v>
      </c>
      <c r="M159" s="7"/>
    </row>
    <row r="160" spans="1:13" x14ac:dyDescent="0.3">
      <c r="A160" s="5" t="s">
        <v>455</v>
      </c>
      <c r="B160" s="1" t="s">
        <v>325</v>
      </c>
      <c r="C160" s="1" t="s">
        <v>71</v>
      </c>
      <c r="D160" s="1" t="s">
        <v>72</v>
      </c>
      <c r="E160" s="1"/>
      <c r="F160" s="2">
        <v>1</v>
      </c>
      <c r="G160" s="4">
        <v>1</v>
      </c>
      <c r="H160" s="1" t="s">
        <v>14</v>
      </c>
      <c r="I160" s="1" t="s">
        <v>327</v>
      </c>
      <c r="J160" s="1" t="s">
        <v>328</v>
      </c>
      <c r="K160" s="1" t="s">
        <v>58</v>
      </c>
      <c r="L160" s="3">
        <v>2016</v>
      </c>
      <c r="M160" s="7"/>
    </row>
    <row r="161" spans="1:13" x14ac:dyDescent="0.3">
      <c r="A161" s="5" t="s">
        <v>456</v>
      </c>
      <c r="B161" s="1" t="s">
        <v>331</v>
      </c>
      <c r="C161" s="1" t="s">
        <v>16</v>
      </c>
      <c r="D161" s="1" t="s">
        <v>332</v>
      </c>
      <c r="E161" s="1"/>
      <c r="F161" s="2">
        <v>4</v>
      </c>
      <c r="G161" s="4">
        <v>1</v>
      </c>
      <c r="H161" s="1" t="s">
        <v>14</v>
      </c>
      <c r="I161" s="1" t="s">
        <v>224</v>
      </c>
      <c r="J161" s="1" t="s">
        <v>333</v>
      </c>
      <c r="K161" s="1" t="s">
        <v>334</v>
      </c>
      <c r="L161" s="3">
        <v>2009</v>
      </c>
      <c r="M161" s="7"/>
    </row>
    <row r="162" spans="1:13" x14ac:dyDescent="0.3">
      <c r="A162" s="5" t="s">
        <v>456</v>
      </c>
      <c r="B162" s="1" t="s">
        <v>331</v>
      </c>
      <c r="C162" s="1" t="s">
        <v>81</v>
      </c>
      <c r="D162" s="1" t="s">
        <v>82</v>
      </c>
      <c r="E162" s="1"/>
      <c r="F162" s="2">
        <v>2</v>
      </c>
      <c r="G162" s="4">
        <v>1</v>
      </c>
      <c r="H162" s="1" t="s">
        <v>14</v>
      </c>
      <c r="I162" s="1" t="s">
        <v>224</v>
      </c>
      <c r="J162" s="1" t="s">
        <v>335</v>
      </c>
      <c r="K162" s="1" t="s">
        <v>336</v>
      </c>
      <c r="L162" s="3">
        <v>2009</v>
      </c>
      <c r="M162" s="7"/>
    </row>
    <row r="163" spans="1:13" x14ac:dyDescent="0.3">
      <c r="A163" s="5" t="s">
        <v>456</v>
      </c>
      <c r="B163" s="1" t="s">
        <v>331</v>
      </c>
      <c r="C163" s="1" t="s">
        <v>35</v>
      </c>
      <c r="D163" s="1" t="s">
        <v>36</v>
      </c>
      <c r="E163" s="1"/>
      <c r="F163" s="2">
        <v>4</v>
      </c>
      <c r="G163" s="4">
        <v>154</v>
      </c>
      <c r="H163" s="1" t="s">
        <v>13</v>
      </c>
      <c r="I163" s="1" t="s">
        <v>29</v>
      </c>
      <c r="J163" s="1"/>
      <c r="K163" s="1"/>
      <c r="L163" s="3">
        <v>2009</v>
      </c>
      <c r="M163" s="7"/>
    </row>
    <row r="164" spans="1:13" x14ac:dyDescent="0.3">
      <c r="A164" s="5" t="s">
        <v>456</v>
      </c>
      <c r="B164" s="1" t="s">
        <v>331</v>
      </c>
      <c r="C164" s="1" t="s">
        <v>38</v>
      </c>
      <c r="D164" s="1" t="s">
        <v>39</v>
      </c>
      <c r="E164" s="1"/>
      <c r="F164" s="2">
        <v>4</v>
      </c>
      <c r="G164" s="4">
        <v>1</v>
      </c>
      <c r="H164" s="1" t="s">
        <v>14</v>
      </c>
      <c r="I164" s="1" t="s">
        <v>40</v>
      </c>
      <c r="J164" s="1" t="s">
        <v>41</v>
      </c>
      <c r="K164" s="1" t="s">
        <v>42</v>
      </c>
      <c r="L164" s="3">
        <v>2009</v>
      </c>
      <c r="M164" s="7"/>
    </row>
    <row r="165" spans="1:13" x14ac:dyDescent="0.3">
      <c r="A165" s="5" t="s">
        <v>456</v>
      </c>
      <c r="B165" s="1" t="s">
        <v>331</v>
      </c>
      <c r="C165" s="1" t="s">
        <v>51</v>
      </c>
      <c r="D165" s="1" t="s">
        <v>52</v>
      </c>
      <c r="E165" s="1"/>
      <c r="F165" s="2">
        <v>4</v>
      </c>
      <c r="G165" s="4">
        <v>2</v>
      </c>
      <c r="H165" s="1" t="s">
        <v>14</v>
      </c>
      <c r="I165" s="1" t="s">
        <v>54</v>
      </c>
      <c r="J165" s="1" t="s">
        <v>55</v>
      </c>
      <c r="K165" s="1"/>
      <c r="L165" s="3">
        <v>2009</v>
      </c>
      <c r="M165" s="7"/>
    </row>
    <row r="166" spans="1:13" x14ac:dyDescent="0.3">
      <c r="A166" s="5" t="s">
        <v>457</v>
      </c>
      <c r="B166" s="1" t="s">
        <v>337</v>
      </c>
      <c r="C166" s="1" t="s">
        <v>290</v>
      </c>
      <c r="D166" s="1" t="s">
        <v>338</v>
      </c>
      <c r="E166" s="1"/>
      <c r="F166" s="2">
        <v>4</v>
      </c>
      <c r="G166" s="4">
        <v>1</v>
      </c>
      <c r="H166" s="1" t="s">
        <v>12</v>
      </c>
      <c r="I166" s="1" t="s">
        <v>339</v>
      </c>
      <c r="J166" s="1"/>
      <c r="K166" s="1"/>
      <c r="L166" s="3">
        <v>1978</v>
      </c>
      <c r="M166" s="7"/>
    </row>
    <row r="167" spans="1:13" x14ac:dyDescent="0.3">
      <c r="A167" s="5" t="s">
        <v>457</v>
      </c>
      <c r="B167" s="1" t="s">
        <v>337</v>
      </c>
      <c r="C167" s="1" t="s">
        <v>340</v>
      </c>
      <c r="D167" s="1" t="s">
        <v>341</v>
      </c>
      <c r="E167" s="1"/>
      <c r="F167" s="2">
        <v>2</v>
      </c>
      <c r="G167" s="4">
        <v>1</v>
      </c>
      <c r="H167" s="1" t="s">
        <v>12</v>
      </c>
      <c r="I167" s="1" t="s">
        <v>342</v>
      </c>
      <c r="J167" s="1" t="s">
        <v>343</v>
      </c>
      <c r="K167" s="1"/>
      <c r="L167" s="3">
        <v>2012</v>
      </c>
      <c r="M167" s="7"/>
    </row>
    <row r="168" spans="1:13" x14ac:dyDescent="0.3">
      <c r="A168" s="5" t="s">
        <v>457</v>
      </c>
      <c r="B168" s="1" t="s">
        <v>337</v>
      </c>
      <c r="C168" s="1" t="s">
        <v>16</v>
      </c>
      <c r="D168" s="1" t="s">
        <v>332</v>
      </c>
      <c r="E168" s="1"/>
      <c r="F168" s="2">
        <v>2</v>
      </c>
      <c r="G168" s="4">
        <v>1</v>
      </c>
      <c r="H168" s="1" t="s">
        <v>14</v>
      </c>
      <c r="I168" s="1" t="s">
        <v>224</v>
      </c>
      <c r="J168" s="1" t="s">
        <v>344</v>
      </c>
      <c r="K168" s="1" t="s">
        <v>345</v>
      </c>
      <c r="L168" s="3">
        <v>2012</v>
      </c>
      <c r="M168" s="7"/>
    </row>
    <row r="169" spans="1:13" x14ac:dyDescent="0.3">
      <c r="A169" s="5" t="s">
        <v>457</v>
      </c>
      <c r="B169" s="1" t="s">
        <v>337</v>
      </c>
      <c r="C169" s="1" t="s">
        <v>81</v>
      </c>
      <c r="D169" s="1" t="s">
        <v>82</v>
      </c>
      <c r="E169" s="1"/>
      <c r="F169" s="2">
        <v>2</v>
      </c>
      <c r="G169" s="4">
        <v>2</v>
      </c>
      <c r="H169" s="1" t="s">
        <v>14</v>
      </c>
      <c r="I169" s="1" t="s">
        <v>346</v>
      </c>
      <c r="J169" s="1" t="s">
        <v>347</v>
      </c>
      <c r="K169" s="1" t="s">
        <v>348</v>
      </c>
      <c r="L169" s="3">
        <v>2012</v>
      </c>
      <c r="M169" s="7"/>
    </row>
    <row r="170" spans="1:13" x14ac:dyDescent="0.3">
      <c r="A170" s="5" t="s">
        <v>457</v>
      </c>
      <c r="B170" s="1" t="s">
        <v>337</v>
      </c>
      <c r="C170" s="1" t="s">
        <v>35</v>
      </c>
      <c r="D170" s="1" t="s">
        <v>36</v>
      </c>
      <c r="E170" s="1"/>
      <c r="F170" s="2">
        <v>2</v>
      </c>
      <c r="G170" s="4">
        <v>271</v>
      </c>
      <c r="H170" s="1" t="s">
        <v>13</v>
      </c>
      <c r="I170" s="1" t="s">
        <v>29</v>
      </c>
      <c r="J170" s="1"/>
      <c r="K170" s="1"/>
      <c r="L170" s="3">
        <v>2012</v>
      </c>
      <c r="M170" s="7"/>
    </row>
    <row r="171" spans="1:13" x14ac:dyDescent="0.3">
      <c r="A171" s="5" t="s">
        <v>457</v>
      </c>
      <c r="B171" s="1" t="s">
        <v>337</v>
      </c>
      <c r="C171" s="1" t="s">
        <v>38</v>
      </c>
      <c r="D171" s="1" t="s">
        <v>39</v>
      </c>
      <c r="E171" s="1"/>
      <c r="F171" s="2">
        <v>2</v>
      </c>
      <c r="G171" s="4">
        <v>1</v>
      </c>
      <c r="H171" s="1" t="s">
        <v>14</v>
      </c>
      <c r="I171" s="1" t="s">
        <v>40</v>
      </c>
      <c r="J171" s="1" t="s">
        <v>349</v>
      </c>
      <c r="K171" s="1" t="s">
        <v>42</v>
      </c>
      <c r="L171" s="3">
        <v>2012</v>
      </c>
      <c r="M171" s="7"/>
    </row>
    <row r="172" spans="1:13" x14ac:dyDescent="0.3">
      <c r="A172" s="5" t="s">
        <v>457</v>
      </c>
      <c r="B172" s="1" t="s">
        <v>337</v>
      </c>
      <c r="C172" s="1" t="s">
        <v>51</v>
      </c>
      <c r="D172" s="1" t="s">
        <v>52</v>
      </c>
      <c r="E172" s="1"/>
      <c r="F172" s="2">
        <v>2</v>
      </c>
      <c r="G172" s="4">
        <v>13</v>
      </c>
      <c r="H172" s="1" t="s">
        <v>14</v>
      </c>
      <c r="I172" s="1" t="s">
        <v>54</v>
      </c>
      <c r="J172" s="1" t="s">
        <v>55</v>
      </c>
      <c r="K172" s="1"/>
      <c r="L172" s="3">
        <v>2012</v>
      </c>
      <c r="M172" s="7"/>
    </row>
    <row r="173" spans="1:13" x14ac:dyDescent="0.3">
      <c r="A173" s="5" t="s">
        <v>457</v>
      </c>
      <c r="B173" s="1" t="s">
        <v>337</v>
      </c>
      <c r="C173" s="1" t="s">
        <v>299</v>
      </c>
      <c r="D173" s="1" t="s">
        <v>57</v>
      </c>
      <c r="E173" s="1"/>
      <c r="F173" s="2">
        <v>2</v>
      </c>
      <c r="G173" s="4">
        <v>2</v>
      </c>
      <c r="H173" s="1" t="s">
        <v>14</v>
      </c>
      <c r="I173" s="1" t="s">
        <v>350</v>
      </c>
      <c r="J173" s="1"/>
      <c r="K173" s="1"/>
      <c r="L173" s="3">
        <v>2012</v>
      </c>
      <c r="M173" s="7"/>
    </row>
    <row r="174" spans="1:13" x14ac:dyDescent="0.3">
      <c r="A174" s="5" t="s">
        <v>457</v>
      </c>
      <c r="B174" s="1" t="s">
        <v>337</v>
      </c>
      <c r="C174" s="1" t="s">
        <v>299</v>
      </c>
      <c r="D174" s="1" t="s">
        <v>57</v>
      </c>
      <c r="E174" s="1"/>
      <c r="F174" s="2">
        <v>2</v>
      </c>
      <c r="G174" s="4">
        <v>2</v>
      </c>
      <c r="H174" s="1" t="s">
        <v>14</v>
      </c>
      <c r="I174" s="1" t="s">
        <v>350</v>
      </c>
      <c r="J174" s="1"/>
      <c r="K174" s="1"/>
      <c r="L174" s="3">
        <v>2012</v>
      </c>
      <c r="M174" s="7"/>
    </row>
    <row r="175" spans="1:13" x14ac:dyDescent="0.3">
      <c r="A175" s="5" t="s">
        <v>458</v>
      </c>
      <c r="B175" s="1" t="s">
        <v>351</v>
      </c>
      <c r="C175" s="1" t="s">
        <v>290</v>
      </c>
      <c r="D175" s="1" t="s">
        <v>291</v>
      </c>
      <c r="E175" s="1"/>
      <c r="F175" s="2">
        <v>4</v>
      </c>
      <c r="G175" s="4">
        <v>1</v>
      </c>
      <c r="H175" s="1" t="s">
        <v>12</v>
      </c>
      <c r="I175" s="1"/>
      <c r="J175" s="1"/>
      <c r="K175" s="1"/>
      <c r="L175" s="3">
        <v>2006</v>
      </c>
      <c r="M175" s="7" t="s">
        <v>292</v>
      </c>
    </row>
    <row r="176" spans="1:13" x14ac:dyDescent="0.3">
      <c r="A176" s="5" t="s">
        <v>458</v>
      </c>
      <c r="B176" s="1" t="s">
        <v>351</v>
      </c>
      <c r="C176" s="1" t="s">
        <v>290</v>
      </c>
      <c r="D176" s="1" t="s">
        <v>291</v>
      </c>
      <c r="E176" s="1"/>
      <c r="F176" s="2">
        <v>4</v>
      </c>
      <c r="G176" s="4">
        <v>1</v>
      </c>
      <c r="H176" s="1" t="s">
        <v>14</v>
      </c>
      <c r="I176" s="1"/>
      <c r="J176" s="1"/>
      <c r="K176" s="1"/>
      <c r="L176" s="3">
        <v>2006</v>
      </c>
      <c r="M176" s="7" t="s">
        <v>292</v>
      </c>
    </row>
    <row r="177" spans="1:13" x14ac:dyDescent="0.3">
      <c r="A177" s="5" t="s">
        <v>458</v>
      </c>
      <c r="B177" s="1" t="s">
        <v>351</v>
      </c>
      <c r="C177" s="1" t="s">
        <v>290</v>
      </c>
      <c r="D177" s="1" t="s">
        <v>291</v>
      </c>
      <c r="E177" s="1"/>
      <c r="F177" s="2">
        <v>4</v>
      </c>
      <c r="G177" s="4">
        <v>1</v>
      </c>
      <c r="H177" s="1" t="s">
        <v>14</v>
      </c>
      <c r="I177" s="1"/>
      <c r="J177" s="1"/>
      <c r="K177" s="1"/>
      <c r="L177" s="3">
        <v>2006</v>
      </c>
      <c r="M177" s="7" t="s">
        <v>292</v>
      </c>
    </row>
    <row r="178" spans="1:13" x14ac:dyDescent="0.3">
      <c r="A178" s="5" t="s">
        <v>458</v>
      </c>
      <c r="B178" s="1" t="s">
        <v>351</v>
      </c>
      <c r="C178" s="1" t="s">
        <v>16</v>
      </c>
      <c r="D178" s="1" t="s">
        <v>332</v>
      </c>
      <c r="E178" s="1"/>
      <c r="F178" s="2">
        <v>3</v>
      </c>
      <c r="G178" s="4">
        <v>1</v>
      </c>
      <c r="H178" s="1" t="s">
        <v>14</v>
      </c>
      <c r="I178" s="1" t="s">
        <v>224</v>
      </c>
      <c r="J178" s="1" t="s">
        <v>333</v>
      </c>
      <c r="K178" s="1" t="s">
        <v>352</v>
      </c>
      <c r="L178" s="3">
        <v>2010</v>
      </c>
      <c r="M178" s="7"/>
    </row>
    <row r="179" spans="1:13" x14ac:dyDescent="0.3">
      <c r="A179" s="5" t="s">
        <v>458</v>
      </c>
      <c r="B179" s="1" t="s">
        <v>351</v>
      </c>
      <c r="C179" s="1" t="s">
        <v>81</v>
      </c>
      <c r="D179" s="1" t="s">
        <v>82</v>
      </c>
      <c r="E179" s="1"/>
      <c r="F179" s="2">
        <v>4</v>
      </c>
      <c r="G179" s="4">
        <v>2</v>
      </c>
      <c r="H179" s="1" t="s">
        <v>14</v>
      </c>
      <c r="I179" s="1" t="s">
        <v>353</v>
      </c>
      <c r="J179" s="1" t="s">
        <v>354</v>
      </c>
      <c r="K179" s="1" t="s">
        <v>355</v>
      </c>
      <c r="L179" s="3">
        <v>2005</v>
      </c>
      <c r="M179" s="7"/>
    </row>
    <row r="180" spans="1:13" x14ac:dyDescent="0.3">
      <c r="A180" s="5" t="s">
        <v>458</v>
      </c>
      <c r="B180" s="1" t="s">
        <v>351</v>
      </c>
      <c r="C180" s="1" t="s">
        <v>245</v>
      </c>
      <c r="D180" s="1" t="s">
        <v>356</v>
      </c>
      <c r="E180" s="1"/>
      <c r="F180" s="2">
        <v>4</v>
      </c>
      <c r="G180" s="4">
        <v>1</v>
      </c>
      <c r="H180" s="1" t="s">
        <v>12</v>
      </c>
      <c r="I180" s="1" t="s">
        <v>259</v>
      </c>
      <c r="J180" s="1" t="s">
        <v>357</v>
      </c>
      <c r="K180" s="1" t="s">
        <v>358</v>
      </c>
      <c r="L180" s="3">
        <v>2008</v>
      </c>
      <c r="M180" s="7"/>
    </row>
    <row r="181" spans="1:13" x14ac:dyDescent="0.3">
      <c r="A181" s="5" t="s">
        <v>458</v>
      </c>
      <c r="B181" s="1" t="s">
        <v>351</v>
      </c>
      <c r="C181" s="1" t="s">
        <v>245</v>
      </c>
      <c r="D181" s="1" t="s">
        <v>356</v>
      </c>
      <c r="E181" s="1"/>
      <c r="F181" s="2">
        <v>4</v>
      </c>
      <c r="G181" s="4">
        <v>2</v>
      </c>
      <c r="H181" s="1" t="s">
        <v>14</v>
      </c>
      <c r="I181" s="1" t="s">
        <v>259</v>
      </c>
      <c r="J181" s="1" t="s">
        <v>357</v>
      </c>
      <c r="K181" s="1" t="s">
        <v>358</v>
      </c>
      <c r="L181" s="3">
        <v>2008</v>
      </c>
      <c r="M181" s="7"/>
    </row>
    <row r="182" spans="1:13" x14ac:dyDescent="0.3">
      <c r="A182" s="5" t="s">
        <v>458</v>
      </c>
      <c r="B182" s="1" t="s">
        <v>351</v>
      </c>
      <c r="C182" s="1" t="s">
        <v>245</v>
      </c>
      <c r="D182" s="1" t="s">
        <v>356</v>
      </c>
      <c r="E182" s="1"/>
      <c r="F182" s="2">
        <v>4</v>
      </c>
      <c r="G182" s="4">
        <v>2</v>
      </c>
      <c r="H182" s="1" t="s">
        <v>262</v>
      </c>
      <c r="I182" s="1" t="s">
        <v>259</v>
      </c>
      <c r="J182" s="1" t="s">
        <v>357</v>
      </c>
      <c r="K182" s="1" t="s">
        <v>358</v>
      </c>
      <c r="L182" s="3">
        <v>2008</v>
      </c>
      <c r="M182" s="7"/>
    </row>
    <row r="183" spans="1:13" x14ac:dyDescent="0.3">
      <c r="A183" s="5" t="s">
        <v>458</v>
      </c>
      <c r="B183" s="1" t="s">
        <v>351</v>
      </c>
      <c r="C183" s="1" t="s">
        <v>245</v>
      </c>
      <c r="D183" s="1" t="s">
        <v>356</v>
      </c>
      <c r="E183" s="1"/>
      <c r="F183" s="2">
        <v>4</v>
      </c>
      <c r="G183" s="4">
        <v>2</v>
      </c>
      <c r="H183" s="1" t="s">
        <v>262</v>
      </c>
      <c r="I183" s="1" t="s">
        <v>259</v>
      </c>
      <c r="J183" s="1" t="s">
        <v>357</v>
      </c>
      <c r="K183" s="1" t="s">
        <v>358</v>
      </c>
      <c r="L183" s="3">
        <v>2008</v>
      </c>
      <c r="M183" s="7"/>
    </row>
    <row r="184" spans="1:13" x14ac:dyDescent="0.3">
      <c r="A184" s="5" t="s">
        <v>458</v>
      </c>
      <c r="B184" s="1" t="s">
        <v>351</v>
      </c>
      <c r="C184" s="1" t="s">
        <v>35</v>
      </c>
      <c r="D184" s="1" t="s">
        <v>36</v>
      </c>
      <c r="E184" s="1"/>
      <c r="F184" s="2">
        <v>4</v>
      </c>
      <c r="G184" s="4">
        <v>1</v>
      </c>
      <c r="H184" s="1" t="s">
        <v>12</v>
      </c>
      <c r="I184" s="1" t="s">
        <v>29</v>
      </c>
      <c r="J184" s="1" t="s">
        <v>248</v>
      </c>
      <c r="K184" s="1"/>
      <c r="L184" s="3">
        <v>2006</v>
      </c>
      <c r="M184" s="7"/>
    </row>
    <row r="185" spans="1:13" x14ac:dyDescent="0.3">
      <c r="A185" s="5" t="s">
        <v>458</v>
      </c>
      <c r="B185" s="1" t="s">
        <v>351</v>
      </c>
      <c r="C185" s="1" t="s">
        <v>35</v>
      </c>
      <c r="D185" s="1" t="s">
        <v>36</v>
      </c>
      <c r="E185" s="1"/>
      <c r="F185" s="2">
        <v>4</v>
      </c>
      <c r="G185" s="4">
        <v>520</v>
      </c>
      <c r="H185" s="1" t="s">
        <v>13</v>
      </c>
      <c r="I185" s="1" t="s">
        <v>29</v>
      </c>
      <c r="J185" s="1" t="s">
        <v>248</v>
      </c>
      <c r="K185" s="1"/>
      <c r="L185" s="3">
        <v>2006</v>
      </c>
      <c r="M185" s="7"/>
    </row>
    <row r="186" spans="1:13" x14ac:dyDescent="0.3">
      <c r="A186" s="5" t="s">
        <v>458</v>
      </c>
      <c r="B186" s="1" t="s">
        <v>351</v>
      </c>
      <c r="C186" s="1" t="s">
        <v>38</v>
      </c>
      <c r="D186" s="1" t="s">
        <v>39</v>
      </c>
      <c r="E186" s="1"/>
      <c r="F186" s="2">
        <v>4</v>
      </c>
      <c r="G186" s="4">
        <v>1</v>
      </c>
      <c r="H186" s="1" t="s">
        <v>14</v>
      </c>
      <c r="I186" s="1" t="s">
        <v>40</v>
      </c>
      <c r="J186" s="1" t="s">
        <v>230</v>
      </c>
      <c r="K186" s="1" t="s">
        <v>45</v>
      </c>
      <c r="L186" s="3">
        <v>2006</v>
      </c>
      <c r="M186" s="7"/>
    </row>
    <row r="187" spans="1:13" x14ac:dyDescent="0.3">
      <c r="A187" s="5" t="s">
        <v>458</v>
      </c>
      <c r="B187" s="1" t="s">
        <v>351</v>
      </c>
      <c r="C187" s="1" t="s">
        <v>51</v>
      </c>
      <c r="D187" s="1" t="s">
        <v>52</v>
      </c>
      <c r="E187" s="1"/>
      <c r="F187" s="2">
        <v>4</v>
      </c>
      <c r="G187" s="4">
        <v>9</v>
      </c>
      <c r="H187" s="1" t="s">
        <v>14</v>
      </c>
      <c r="I187" s="1" t="s">
        <v>54</v>
      </c>
      <c r="J187" s="1" t="s">
        <v>287</v>
      </c>
      <c r="K187" s="1"/>
      <c r="L187" s="3">
        <v>2006</v>
      </c>
      <c r="M187" s="7"/>
    </row>
    <row r="188" spans="1:13" x14ac:dyDescent="0.3">
      <c r="A188" s="5" t="s">
        <v>458</v>
      </c>
      <c r="B188" s="1" t="s">
        <v>351</v>
      </c>
      <c r="C188" s="1" t="s">
        <v>56</v>
      </c>
      <c r="D188" s="1" t="s">
        <v>57</v>
      </c>
      <c r="E188" s="1"/>
      <c r="F188" s="2">
        <v>5</v>
      </c>
      <c r="G188" s="4">
        <v>1</v>
      </c>
      <c r="H188" s="1" t="s">
        <v>12</v>
      </c>
      <c r="I188" s="1" t="s">
        <v>359</v>
      </c>
      <c r="J188" s="1" t="s">
        <v>360</v>
      </c>
      <c r="K188" s="1" t="s">
        <v>361</v>
      </c>
      <c r="L188" s="3">
        <v>2006</v>
      </c>
      <c r="M188" s="7"/>
    </row>
    <row r="189" spans="1:13" x14ac:dyDescent="0.3">
      <c r="A189" s="5" t="s">
        <v>458</v>
      </c>
      <c r="B189" s="1" t="s">
        <v>351</v>
      </c>
      <c r="C189" s="1" t="s">
        <v>56</v>
      </c>
      <c r="D189" s="1" t="s">
        <v>57</v>
      </c>
      <c r="E189" s="1"/>
      <c r="F189" s="2">
        <v>5</v>
      </c>
      <c r="G189" s="4">
        <v>2</v>
      </c>
      <c r="H189" s="1" t="s">
        <v>14</v>
      </c>
      <c r="I189" s="1" t="s">
        <v>359</v>
      </c>
      <c r="J189" s="1" t="s">
        <v>360</v>
      </c>
      <c r="K189" s="1" t="s">
        <v>361</v>
      </c>
      <c r="L189" s="3">
        <v>2006</v>
      </c>
      <c r="M189" s="7"/>
    </row>
    <row r="190" spans="1:13" x14ac:dyDescent="0.3">
      <c r="A190" s="5" t="s">
        <v>458</v>
      </c>
      <c r="B190" s="1" t="s">
        <v>351</v>
      </c>
      <c r="C190" s="1" t="s">
        <v>56</v>
      </c>
      <c r="D190" s="1" t="s">
        <v>362</v>
      </c>
      <c r="E190" s="1"/>
      <c r="F190" s="2">
        <v>4</v>
      </c>
      <c r="G190" s="4">
        <v>2</v>
      </c>
      <c r="H190" s="1" t="s">
        <v>14</v>
      </c>
      <c r="I190" s="1"/>
      <c r="J190" s="1"/>
      <c r="K190" s="1"/>
      <c r="L190" s="3">
        <v>2006</v>
      </c>
      <c r="M190" s="7"/>
    </row>
    <row r="191" spans="1:13" x14ac:dyDescent="0.3">
      <c r="A191" s="5" t="s">
        <v>458</v>
      </c>
      <c r="B191" s="1" t="s">
        <v>351</v>
      </c>
      <c r="C191" s="1" t="s">
        <v>56</v>
      </c>
      <c r="D191" s="1" t="s">
        <v>363</v>
      </c>
      <c r="E191" s="1"/>
      <c r="F191" s="2">
        <v>4</v>
      </c>
      <c r="G191" s="4">
        <v>1</v>
      </c>
      <c r="H191" s="1" t="s">
        <v>14</v>
      </c>
      <c r="I191" s="1" t="s">
        <v>364</v>
      </c>
      <c r="J191" s="1" t="s">
        <v>365</v>
      </c>
      <c r="K191" s="1"/>
      <c r="L191" s="3">
        <v>2006</v>
      </c>
      <c r="M191" s="7"/>
    </row>
    <row r="192" spans="1:13" x14ac:dyDescent="0.3">
      <c r="A192" s="5" t="s">
        <v>458</v>
      </c>
      <c r="B192" s="1" t="s">
        <v>351</v>
      </c>
      <c r="C192" s="1" t="s">
        <v>56</v>
      </c>
      <c r="D192" s="1" t="s">
        <v>366</v>
      </c>
      <c r="E192" s="1"/>
      <c r="F192" s="2">
        <v>4</v>
      </c>
      <c r="G192" s="4">
        <v>2</v>
      </c>
      <c r="H192" s="1" t="s">
        <v>14</v>
      </c>
      <c r="I192" s="1"/>
      <c r="J192" s="1"/>
      <c r="K192" s="1"/>
      <c r="L192" s="3">
        <v>2006</v>
      </c>
      <c r="M192" s="7"/>
    </row>
    <row r="193" spans="1:13" x14ac:dyDescent="0.3">
      <c r="A193" s="5" t="s">
        <v>458</v>
      </c>
      <c r="B193" s="1" t="s">
        <v>351</v>
      </c>
      <c r="C193" s="1" t="s">
        <v>367</v>
      </c>
      <c r="D193" s="1" t="s">
        <v>368</v>
      </c>
      <c r="E193" s="1"/>
      <c r="F193" s="2">
        <v>1</v>
      </c>
      <c r="G193" s="4">
        <v>1</v>
      </c>
      <c r="H193" s="1" t="s">
        <v>14</v>
      </c>
      <c r="I193" s="1" t="s">
        <v>369</v>
      </c>
      <c r="J193" s="1" t="s">
        <v>370</v>
      </c>
      <c r="K193" s="1"/>
      <c r="L193" s="3">
        <v>2021</v>
      </c>
      <c r="M193" s="7"/>
    </row>
    <row r="194" spans="1:13" x14ac:dyDescent="0.3">
      <c r="A194" s="5" t="s">
        <v>458</v>
      </c>
      <c r="B194" s="1" t="s">
        <v>351</v>
      </c>
      <c r="C194" s="1" t="s">
        <v>371</v>
      </c>
      <c r="D194" s="1" t="s">
        <v>372</v>
      </c>
      <c r="E194" s="1"/>
      <c r="F194" s="2">
        <v>3</v>
      </c>
      <c r="G194" s="4">
        <v>1</v>
      </c>
      <c r="H194" s="1" t="s">
        <v>14</v>
      </c>
      <c r="I194" s="1" t="s">
        <v>369</v>
      </c>
      <c r="J194" s="1" t="s">
        <v>373</v>
      </c>
      <c r="K194" s="1" t="s">
        <v>374</v>
      </c>
      <c r="L194" s="3">
        <v>2021</v>
      </c>
      <c r="M194" s="7"/>
    </row>
    <row r="195" spans="1:13" x14ac:dyDescent="0.3">
      <c r="A195" s="5" t="s">
        <v>459</v>
      </c>
      <c r="B195" s="1" t="s">
        <v>375</v>
      </c>
      <c r="C195" s="1" t="s">
        <v>16</v>
      </c>
      <c r="D195" s="1" t="s">
        <v>17</v>
      </c>
      <c r="E195" s="1"/>
      <c r="F195" s="2">
        <v>2</v>
      </c>
      <c r="G195" s="4">
        <v>1</v>
      </c>
      <c r="H195" s="1" t="s">
        <v>14</v>
      </c>
      <c r="I195" s="1" t="s">
        <v>18</v>
      </c>
      <c r="J195" s="1" t="s">
        <v>326</v>
      </c>
      <c r="K195" s="1" t="s">
        <v>233</v>
      </c>
      <c r="L195" s="3">
        <v>2012</v>
      </c>
      <c r="M195" s="7"/>
    </row>
    <row r="196" spans="1:13" x14ac:dyDescent="0.3">
      <c r="A196" s="5" t="s">
        <v>459</v>
      </c>
      <c r="B196" s="1" t="s">
        <v>375</v>
      </c>
      <c r="C196" s="1" t="s">
        <v>16</v>
      </c>
      <c r="D196" s="1" t="s">
        <v>17</v>
      </c>
      <c r="E196" s="1"/>
      <c r="F196" s="2">
        <v>3</v>
      </c>
      <c r="G196" s="4">
        <v>1</v>
      </c>
      <c r="H196" s="1" t="s">
        <v>14</v>
      </c>
      <c r="I196" s="1" t="s">
        <v>18</v>
      </c>
      <c r="J196" s="1" t="s">
        <v>21</v>
      </c>
      <c r="K196" s="1" t="s">
        <v>22</v>
      </c>
      <c r="L196" s="3">
        <v>2009</v>
      </c>
      <c r="M196" s="7"/>
    </row>
    <row r="197" spans="1:13" x14ac:dyDescent="0.3">
      <c r="A197" s="5" t="s">
        <v>459</v>
      </c>
      <c r="B197" s="1" t="s">
        <v>375</v>
      </c>
      <c r="C197" s="1" t="s">
        <v>35</v>
      </c>
      <c r="D197" s="1" t="s">
        <v>36</v>
      </c>
      <c r="E197" s="1"/>
      <c r="F197" s="2">
        <v>4</v>
      </c>
      <c r="G197" s="4">
        <v>375</v>
      </c>
      <c r="H197" s="1" t="s">
        <v>13</v>
      </c>
      <c r="I197" s="1" t="s">
        <v>29</v>
      </c>
      <c r="J197" s="1" t="s">
        <v>37</v>
      </c>
      <c r="K197" s="1"/>
      <c r="L197" s="3">
        <v>2008</v>
      </c>
      <c r="M197" s="7"/>
    </row>
    <row r="198" spans="1:13" x14ac:dyDescent="0.3">
      <c r="A198" s="5" t="s">
        <v>459</v>
      </c>
      <c r="B198" s="1" t="s">
        <v>375</v>
      </c>
      <c r="C198" s="1" t="s">
        <v>38</v>
      </c>
      <c r="D198" s="1" t="s">
        <v>39</v>
      </c>
      <c r="E198" s="1"/>
      <c r="F198" s="2">
        <v>2</v>
      </c>
      <c r="G198" s="4">
        <v>1</v>
      </c>
      <c r="H198" s="1" t="s">
        <v>14</v>
      </c>
      <c r="I198" s="1" t="s">
        <v>79</v>
      </c>
      <c r="J198" s="1" t="s">
        <v>376</v>
      </c>
      <c r="K198" s="1" t="s">
        <v>42</v>
      </c>
      <c r="L198" s="3">
        <v>2013</v>
      </c>
      <c r="M198" s="7"/>
    </row>
    <row r="199" spans="1:13" x14ac:dyDescent="0.3">
      <c r="A199" s="5" t="s">
        <v>459</v>
      </c>
      <c r="B199" s="1" t="s">
        <v>375</v>
      </c>
      <c r="C199" s="1" t="s">
        <v>38</v>
      </c>
      <c r="D199" s="1" t="s">
        <v>39</v>
      </c>
      <c r="E199" s="1"/>
      <c r="F199" s="2">
        <v>1</v>
      </c>
      <c r="G199" s="4">
        <v>1</v>
      </c>
      <c r="H199" s="1" t="s">
        <v>14</v>
      </c>
      <c r="I199" s="1" t="s">
        <v>40</v>
      </c>
      <c r="J199" s="1" t="s">
        <v>230</v>
      </c>
      <c r="K199" s="1" t="s">
        <v>45</v>
      </c>
      <c r="L199" s="3">
        <v>2020</v>
      </c>
      <c r="M199" s="7"/>
    </row>
    <row r="200" spans="1:13" x14ac:dyDescent="0.3">
      <c r="A200" s="5" t="s">
        <v>459</v>
      </c>
      <c r="B200" s="1" t="s">
        <v>375</v>
      </c>
      <c r="C200" s="1" t="s">
        <v>51</v>
      </c>
      <c r="D200" s="1" t="s">
        <v>52</v>
      </c>
      <c r="E200" s="1" t="s">
        <v>53</v>
      </c>
      <c r="F200" s="2">
        <v>4</v>
      </c>
      <c r="G200" s="4">
        <v>1</v>
      </c>
      <c r="H200" s="1" t="s">
        <v>12</v>
      </c>
      <c r="I200" s="1" t="s">
        <v>54</v>
      </c>
      <c r="J200" s="1" t="s">
        <v>55</v>
      </c>
      <c r="K200" s="1"/>
      <c r="L200" s="3">
        <v>2008</v>
      </c>
      <c r="M200" s="7"/>
    </row>
    <row r="201" spans="1:13" x14ac:dyDescent="0.3">
      <c r="A201" s="5" t="s">
        <v>459</v>
      </c>
      <c r="B201" s="1" t="s">
        <v>375</v>
      </c>
      <c r="C201" s="1" t="s">
        <v>51</v>
      </c>
      <c r="D201" s="1" t="s">
        <v>52</v>
      </c>
      <c r="E201" s="1"/>
      <c r="F201" s="2">
        <v>4</v>
      </c>
      <c r="G201" s="4">
        <v>8</v>
      </c>
      <c r="H201" s="1" t="s">
        <v>14</v>
      </c>
      <c r="I201" s="1" t="s">
        <v>54</v>
      </c>
      <c r="J201" s="1" t="s">
        <v>55</v>
      </c>
      <c r="K201" s="1"/>
      <c r="L201" s="3">
        <v>2008</v>
      </c>
      <c r="M201" s="7"/>
    </row>
    <row r="202" spans="1:13" x14ac:dyDescent="0.3">
      <c r="A202" s="5" t="s">
        <v>459</v>
      </c>
      <c r="B202" s="1" t="s">
        <v>375</v>
      </c>
      <c r="C202" s="1" t="s">
        <v>377</v>
      </c>
      <c r="D202" s="1" t="s">
        <v>328</v>
      </c>
      <c r="E202" s="1"/>
      <c r="F202" s="2">
        <v>1</v>
      </c>
      <c r="G202" s="4">
        <v>1</v>
      </c>
      <c r="H202" s="1" t="s">
        <v>14</v>
      </c>
      <c r="I202" s="1" t="s">
        <v>63</v>
      </c>
      <c r="J202" s="1" t="s">
        <v>378</v>
      </c>
      <c r="K202" s="1" t="s">
        <v>379</v>
      </c>
      <c r="L202" s="3">
        <v>2019</v>
      </c>
      <c r="M202" s="7"/>
    </row>
    <row r="203" spans="1:13" x14ac:dyDescent="0.3">
      <c r="A203" s="5" t="s">
        <v>459</v>
      </c>
      <c r="B203" s="1" t="s">
        <v>375</v>
      </c>
      <c r="C203" s="1" t="s">
        <v>61</v>
      </c>
      <c r="D203" s="1" t="s">
        <v>380</v>
      </c>
      <c r="E203" s="1"/>
      <c r="F203" s="2">
        <v>2</v>
      </c>
      <c r="G203" s="4">
        <v>1</v>
      </c>
      <c r="H203" s="1" t="s">
        <v>14</v>
      </c>
      <c r="I203" s="1" t="s">
        <v>381</v>
      </c>
      <c r="J203" s="1" t="s">
        <v>382</v>
      </c>
      <c r="K203" s="1" t="s">
        <v>383</v>
      </c>
      <c r="L203" s="3">
        <v>2009</v>
      </c>
      <c r="M203" s="7" t="s">
        <v>467</v>
      </c>
    </row>
    <row r="204" spans="1:13" x14ac:dyDescent="0.3">
      <c r="A204" s="5" t="s">
        <v>460</v>
      </c>
      <c r="B204" s="1" t="s">
        <v>384</v>
      </c>
      <c r="C204" s="1" t="s">
        <v>294</v>
      </c>
      <c r="D204" s="1" t="s">
        <v>385</v>
      </c>
      <c r="E204" s="1"/>
      <c r="F204" s="2">
        <v>2</v>
      </c>
      <c r="G204" s="4">
        <v>1</v>
      </c>
      <c r="H204" s="1" t="s">
        <v>14</v>
      </c>
      <c r="I204" s="1" t="s">
        <v>386</v>
      </c>
      <c r="J204" s="1" t="s">
        <v>387</v>
      </c>
      <c r="K204" s="1" t="s">
        <v>388</v>
      </c>
      <c r="L204" s="3">
        <v>2012</v>
      </c>
      <c r="M204" s="7"/>
    </row>
    <row r="205" spans="1:13" x14ac:dyDescent="0.3">
      <c r="A205" s="5" t="s">
        <v>460</v>
      </c>
      <c r="B205" s="1" t="s">
        <v>384</v>
      </c>
      <c r="C205" s="1" t="s">
        <v>294</v>
      </c>
      <c r="D205" s="1" t="s">
        <v>385</v>
      </c>
      <c r="E205" s="1"/>
      <c r="F205" s="2">
        <v>2</v>
      </c>
      <c r="G205" s="4">
        <v>1</v>
      </c>
      <c r="H205" s="1" t="s">
        <v>14</v>
      </c>
      <c r="I205" s="1" t="s">
        <v>386</v>
      </c>
      <c r="J205" s="1" t="s">
        <v>387</v>
      </c>
      <c r="K205" s="1" t="s">
        <v>388</v>
      </c>
      <c r="L205" s="3">
        <v>2012</v>
      </c>
      <c r="M205" s="7"/>
    </row>
    <row r="206" spans="1:13" x14ac:dyDescent="0.3">
      <c r="A206" s="5" t="s">
        <v>460</v>
      </c>
      <c r="B206" s="1" t="s">
        <v>384</v>
      </c>
      <c r="C206" s="1" t="s">
        <v>71</v>
      </c>
      <c r="D206" s="1" t="s">
        <v>389</v>
      </c>
      <c r="E206" s="1"/>
      <c r="F206" s="2">
        <v>2</v>
      </c>
      <c r="G206" s="4">
        <v>1</v>
      </c>
      <c r="H206" s="1" t="s">
        <v>14</v>
      </c>
      <c r="I206" s="1"/>
      <c r="J206" s="1"/>
      <c r="K206" s="1" t="s">
        <v>58</v>
      </c>
      <c r="L206" s="3">
        <v>2012</v>
      </c>
      <c r="M206" s="7"/>
    </row>
    <row r="207" spans="1:13" x14ac:dyDescent="0.3">
      <c r="A207" s="5" t="s">
        <v>461</v>
      </c>
      <c r="B207" s="1" t="s">
        <v>390</v>
      </c>
      <c r="C207" s="1" t="s">
        <v>71</v>
      </c>
      <c r="D207" s="1" t="s">
        <v>72</v>
      </c>
      <c r="E207" s="1"/>
      <c r="F207" s="2">
        <v>3</v>
      </c>
      <c r="G207" s="4">
        <v>1</v>
      </c>
      <c r="H207" s="1" t="s">
        <v>14</v>
      </c>
      <c r="I207" s="1" t="s">
        <v>54</v>
      </c>
      <c r="J207" s="1" t="s">
        <v>73</v>
      </c>
      <c r="K207" s="1"/>
      <c r="L207" s="3">
        <v>2010</v>
      </c>
      <c r="M207" s="7"/>
    </row>
    <row r="208" spans="1:13" x14ac:dyDescent="0.3">
      <c r="A208" s="5" t="s">
        <v>461</v>
      </c>
      <c r="B208" s="1" t="s">
        <v>390</v>
      </c>
      <c r="C208" s="1" t="s">
        <v>71</v>
      </c>
      <c r="D208" s="1" t="s">
        <v>72</v>
      </c>
      <c r="E208" s="1"/>
      <c r="F208" s="2">
        <v>4</v>
      </c>
      <c r="G208" s="4">
        <v>1</v>
      </c>
      <c r="H208" s="1" t="s">
        <v>14</v>
      </c>
      <c r="I208" s="1" t="s">
        <v>54</v>
      </c>
      <c r="J208" s="1" t="s">
        <v>391</v>
      </c>
      <c r="K208" s="1"/>
      <c r="L208" s="3">
        <v>2010</v>
      </c>
      <c r="M208" s="7"/>
    </row>
    <row r="209" spans="1:13" x14ac:dyDescent="0.3">
      <c r="A209" s="5" t="s">
        <v>462</v>
      </c>
      <c r="B209" s="6" t="s">
        <v>392</v>
      </c>
      <c r="C209" s="1" t="s">
        <v>393</v>
      </c>
      <c r="D209" s="1" t="s">
        <v>394</v>
      </c>
      <c r="E209" s="1"/>
      <c r="F209" s="2">
        <v>2</v>
      </c>
      <c r="G209" s="4">
        <v>1</v>
      </c>
      <c r="H209" s="1" t="s">
        <v>14</v>
      </c>
      <c r="I209" s="1" t="s">
        <v>395</v>
      </c>
      <c r="J209" s="1" t="s">
        <v>396</v>
      </c>
      <c r="K209" s="1" t="s">
        <v>397</v>
      </c>
      <c r="L209" s="3">
        <v>2013</v>
      </c>
      <c r="M209" s="7"/>
    </row>
    <row r="210" spans="1:13" x14ac:dyDescent="0.3">
      <c r="A210" s="5" t="s">
        <v>462</v>
      </c>
      <c r="B210" s="1" t="s">
        <v>392</v>
      </c>
      <c r="C210" s="1" t="s">
        <v>393</v>
      </c>
      <c r="D210" s="1" t="s">
        <v>394</v>
      </c>
      <c r="E210" s="1"/>
      <c r="F210" s="2">
        <v>2</v>
      </c>
      <c r="G210" s="4">
        <v>1</v>
      </c>
      <c r="H210" s="1" t="s">
        <v>14</v>
      </c>
      <c r="I210" s="1" t="s">
        <v>395</v>
      </c>
      <c r="J210" s="1" t="s">
        <v>396</v>
      </c>
      <c r="K210" s="1" t="s">
        <v>397</v>
      </c>
      <c r="L210" s="3">
        <v>2013</v>
      </c>
      <c r="M210" s="7"/>
    </row>
    <row r="211" spans="1:13" x14ac:dyDescent="0.3">
      <c r="A211" s="5" t="s">
        <v>462</v>
      </c>
      <c r="B211" s="1" t="s">
        <v>392</v>
      </c>
      <c r="C211" s="1" t="s">
        <v>61</v>
      </c>
      <c r="D211" s="1" t="s">
        <v>380</v>
      </c>
      <c r="E211" s="1"/>
      <c r="F211" s="2">
        <v>2</v>
      </c>
      <c r="G211" s="4">
        <v>1</v>
      </c>
      <c r="H211" s="1" t="s">
        <v>14</v>
      </c>
      <c r="I211" s="1" t="s">
        <v>398</v>
      </c>
      <c r="J211" s="1" t="s">
        <v>399</v>
      </c>
      <c r="K211" s="1" t="s">
        <v>400</v>
      </c>
      <c r="L211" s="3">
        <v>2013</v>
      </c>
      <c r="M211" s="7" t="s">
        <v>401</v>
      </c>
    </row>
    <row r="212" spans="1:13" x14ac:dyDescent="0.3">
      <c r="A212" s="5" t="s">
        <v>462</v>
      </c>
      <c r="B212" s="1" t="s">
        <v>392</v>
      </c>
      <c r="C212" s="1" t="s">
        <v>61</v>
      </c>
      <c r="D212" s="1" t="s">
        <v>380</v>
      </c>
      <c r="E212" s="1" t="s">
        <v>32</v>
      </c>
      <c r="F212" s="2">
        <v>2</v>
      </c>
      <c r="G212" s="4">
        <v>1</v>
      </c>
      <c r="H212" s="1" t="s">
        <v>12</v>
      </c>
      <c r="I212" s="1" t="s">
        <v>398</v>
      </c>
      <c r="J212" s="1" t="s">
        <v>399</v>
      </c>
      <c r="K212" s="1" t="s">
        <v>400</v>
      </c>
      <c r="L212" s="3">
        <v>2013</v>
      </c>
      <c r="M212" s="7" t="s">
        <v>401</v>
      </c>
    </row>
    <row r="213" spans="1:13" x14ac:dyDescent="0.3">
      <c r="A213" s="5" t="s">
        <v>462</v>
      </c>
      <c r="B213" s="1" t="s">
        <v>392</v>
      </c>
      <c r="C213" s="1" t="s">
        <v>275</v>
      </c>
      <c r="D213" s="1" t="s">
        <v>276</v>
      </c>
      <c r="E213" s="1"/>
      <c r="F213" s="2">
        <v>2</v>
      </c>
      <c r="G213" s="4">
        <v>2</v>
      </c>
      <c r="H213" s="1" t="s">
        <v>14</v>
      </c>
      <c r="I213" s="1" t="s">
        <v>402</v>
      </c>
      <c r="J213" s="1" t="s">
        <v>403</v>
      </c>
      <c r="K213" s="1"/>
      <c r="L213" s="3">
        <v>2013</v>
      </c>
      <c r="M213" s="7"/>
    </row>
    <row r="214" spans="1:13" x14ac:dyDescent="0.3">
      <c r="A214" s="5" t="s">
        <v>462</v>
      </c>
      <c r="B214" s="1" t="s">
        <v>392</v>
      </c>
      <c r="C214" s="1" t="s">
        <v>275</v>
      </c>
      <c r="D214" s="1" t="s">
        <v>404</v>
      </c>
      <c r="E214" s="1"/>
      <c r="F214" s="2">
        <v>4</v>
      </c>
      <c r="G214" s="4">
        <v>3</v>
      </c>
      <c r="H214" s="1" t="s">
        <v>14</v>
      </c>
      <c r="I214" s="1" t="s">
        <v>402</v>
      </c>
      <c r="J214" s="1" t="s">
        <v>405</v>
      </c>
      <c r="K214" s="1"/>
      <c r="L214" s="3">
        <v>2013</v>
      </c>
      <c r="M214" s="7"/>
    </row>
    <row r="215" spans="1:13" x14ac:dyDescent="0.3">
      <c r="A215" s="5" t="s">
        <v>462</v>
      </c>
      <c r="B215" s="1" t="s">
        <v>392</v>
      </c>
      <c r="C215" s="1" t="s">
        <v>51</v>
      </c>
      <c r="D215" s="1" t="s">
        <v>52</v>
      </c>
      <c r="E215" s="1"/>
      <c r="F215" s="2">
        <v>3</v>
      </c>
      <c r="G215" s="4">
        <v>12</v>
      </c>
      <c r="H215" s="1" t="s">
        <v>14</v>
      </c>
      <c r="I215" s="1" t="s">
        <v>54</v>
      </c>
      <c r="J215" s="1" t="s">
        <v>55</v>
      </c>
      <c r="K215" s="1"/>
      <c r="L215" s="3">
        <v>2013</v>
      </c>
      <c r="M215" s="7"/>
    </row>
    <row r="216" spans="1:13" x14ac:dyDescent="0.3">
      <c r="A216" s="5" t="s">
        <v>462</v>
      </c>
      <c r="B216" s="1" t="s">
        <v>392</v>
      </c>
      <c r="C216" s="1" t="s">
        <v>51</v>
      </c>
      <c r="D216" s="1" t="s">
        <v>52</v>
      </c>
      <c r="E216" s="1" t="s">
        <v>406</v>
      </c>
      <c r="F216" s="2">
        <v>3</v>
      </c>
      <c r="G216" s="4">
        <v>4</v>
      </c>
      <c r="H216" s="1" t="s">
        <v>12</v>
      </c>
      <c r="I216" s="1" t="s">
        <v>54</v>
      </c>
      <c r="J216" s="1" t="s">
        <v>55</v>
      </c>
      <c r="K216" s="1"/>
      <c r="L216" s="3">
        <v>2013</v>
      </c>
      <c r="M216" s="7"/>
    </row>
    <row r="217" spans="1:13" x14ac:dyDescent="0.3">
      <c r="A217" s="5" t="s">
        <v>462</v>
      </c>
      <c r="B217" s="1" t="s">
        <v>392</v>
      </c>
      <c r="C217" s="1" t="s">
        <v>38</v>
      </c>
      <c r="D217" s="1" t="s">
        <v>39</v>
      </c>
      <c r="E217" s="1"/>
      <c r="F217" s="2">
        <v>1</v>
      </c>
      <c r="G217" s="4">
        <v>1</v>
      </c>
      <c r="H217" s="1" t="s">
        <v>14</v>
      </c>
      <c r="I217" s="1" t="s">
        <v>40</v>
      </c>
      <c r="J217" s="1" t="s">
        <v>302</v>
      </c>
      <c r="K217" s="1" t="s">
        <v>303</v>
      </c>
      <c r="L217" s="3">
        <v>2017</v>
      </c>
      <c r="M217" s="7"/>
    </row>
    <row r="218" spans="1:13" x14ac:dyDescent="0.3">
      <c r="A218" s="5" t="s">
        <v>462</v>
      </c>
      <c r="B218" s="1" t="s">
        <v>392</v>
      </c>
      <c r="C218" s="1" t="s">
        <v>35</v>
      </c>
      <c r="D218" s="1" t="s">
        <v>36</v>
      </c>
      <c r="E218" s="1"/>
      <c r="F218" s="2">
        <v>2</v>
      </c>
      <c r="G218" s="4">
        <v>637</v>
      </c>
      <c r="H218" s="1" t="s">
        <v>13</v>
      </c>
      <c r="I218" s="1" t="s">
        <v>29</v>
      </c>
      <c r="J218" s="1"/>
      <c r="K218" s="1"/>
      <c r="L218" s="3">
        <v>2012</v>
      </c>
      <c r="M218" s="7"/>
    </row>
    <row r="219" spans="1:13" x14ac:dyDescent="0.3">
      <c r="A219" s="5" t="s">
        <v>462</v>
      </c>
      <c r="B219" s="1" t="s">
        <v>392</v>
      </c>
      <c r="C219" s="1" t="s">
        <v>30</v>
      </c>
      <c r="D219" s="1" t="s">
        <v>407</v>
      </c>
      <c r="E219" s="1"/>
      <c r="F219" s="2">
        <v>4</v>
      </c>
      <c r="G219" s="4">
        <v>1</v>
      </c>
      <c r="H219" s="1" t="s">
        <v>14</v>
      </c>
      <c r="I219" s="1" t="s">
        <v>408</v>
      </c>
      <c r="J219" s="1" t="s">
        <v>409</v>
      </c>
      <c r="K219" s="1"/>
      <c r="L219" s="3">
        <v>2013</v>
      </c>
      <c r="M219" s="7" t="s">
        <v>468</v>
      </c>
    </row>
    <row r="220" spans="1:13" x14ac:dyDescent="0.3">
      <c r="A220" s="5" t="s">
        <v>462</v>
      </c>
      <c r="B220" s="1" t="s">
        <v>392</v>
      </c>
      <c r="C220" s="1" t="s">
        <v>30</v>
      </c>
      <c r="D220" s="1" t="s">
        <v>407</v>
      </c>
      <c r="E220" s="1" t="s">
        <v>32</v>
      </c>
      <c r="F220" s="2">
        <v>4</v>
      </c>
      <c r="G220" s="4">
        <v>1</v>
      </c>
      <c r="H220" s="1" t="s">
        <v>12</v>
      </c>
      <c r="I220" s="1" t="s">
        <v>408</v>
      </c>
      <c r="J220" s="1" t="s">
        <v>409</v>
      </c>
      <c r="K220" s="1"/>
      <c r="L220" s="3">
        <v>2013</v>
      </c>
      <c r="M220" s="7" t="s">
        <v>468</v>
      </c>
    </row>
    <row r="221" spans="1:13" x14ac:dyDescent="0.3">
      <c r="A221" s="5" t="s">
        <v>462</v>
      </c>
      <c r="B221" s="1" t="s">
        <v>392</v>
      </c>
      <c r="C221" s="1" t="s">
        <v>245</v>
      </c>
      <c r="D221" s="1" t="s">
        <v>246</v>
      </c>
      <c r="E221" s="1"/>
      <c r="F221" s="2">
        <v>2</v>
      </c>
      <c r="G221" s="4">
        <v>1</v>
      </c>
      <c r="H221" s="1" t="s">
        <v>262</v>
      </c>
      <c r="I221" s="1" t="s">
        <v>410</v>
      </c>
      <c r="J221" s="1" t="s">
        <v>411</v>
      </c>
      <c r="K221" s="1" t="s">
        <v>412</v>
      </c>
      <c r="L221" s="3">
        <v>2013</v>
      </c>
      <c r="M221" s="7" t="s">
        <v>465</v>
      </c>
    </row>
    <row r="222" spans="1:13" x14ac:dyDescent="0.3">
      <c r="A222" s="5" t="s">
        <v>462</v>
      </c>
      <c r="B222" s="1" t="s">
        <v>392</v>
      </c>
      <c r="C222" s="1" t="s">
        <v>245</v>
      </c>
      <c r="D222" s="1" t="s">
        <v>246</v>
      </c>
      <c r="E222" s="1"/>
      <c r="F222" s="2">
        <v>2</v>
      </c>
      <c r="G222" s="4">
        <v>1</v>
      </c>
      <c r="H222" s="1" t="s">
        <v>262</v>
      </c>
      <c r="I222" s="1" t="s">
        <v>410</v>
      </c>
      <c r="J222" s="1" t="s">
        <v>411</v>
      </c>
      <c r="K222" s="1" t="s">
        <v>412</v>
      </c>
      <c r="L222" s="3">
        <v>2013</v>
      </c>
      <c r="M222" s="7" t="s">
        <v>465</v>
      </c>
    </row>
    <row r="223" spans="1:13" x14ac:dyDescent="0.3">
      <c r="A223" s="5" t="s">
        <v>462</v>
      </c>
      <c r="B223" s="1" t="s">
        <v>392</v>
      </c>
      <c r="C223" s="1" t="s">
        <v>245</v>
      </c>
      <c r="D223" s="1" t="s">
        <v>246</v>
      </c>
      <c r="E223" s="1"/>
      <c r="F223" s="2">
        <v>2</v>
      </c>
      <c r="G223" s="4">
        <v>1</v>
      </c>
      <c r="H223" s="1" t="s">
        <v>14</v>
      </c>
      <c r="I223" s="1" t="s">
        <v>410</v>
      </c>
      <c r="J223" s="1" t="s">
        <v>411</v>
      </c>
      <c r="K223" s="1" t="s">
        <v>412</v>
      </c>
      <c r="L223" s="3">
        <v>2013</v>
      </c>
      <c r="M223" s="7" t="s">
        <v>465</v>
      </c>
    </row>
    <row r="224" spans="1:13" x14ac:dyDescent="0.3">
      <c r="A224" s="5" t="s">
        <v>462</v>
      </c>
      <c r="B224" s="1" t="s">
        <v>392</v>
      </c>
      <c r="C224" s="1" t="s">
        <v>254</v>
      </c>
      <c r="D224" s="1" t="s">
        <v>255</v>
      </c>
      <c r="E224" s="1"/>
      <c r="F224" s="2">
        <v>2</v>
      </c>
      <c r="G224" s="4">
        <v>1</v>
      </c>
      <c r="H224" s="1" t="s">
        <v>14</v>
      </c>
      <c r="I224" s="1" t="s">
        <v>256</v>
      </c>
      <c r="J224" s="1" t="s">
        <v>257</v>
      </c>
      <c r="K224" s="1" t="s">
        <v>258</v>
      </c>
      <c r="L224" s="3">
        <v>2013</v>
      </c>
      <c r="M224" s="7"/>
    </row>
    <row r="225" spans="1:13" x14ac:dyDescent="0.3">
      <c r="A225" s="5" t="s">
        <v>462</v>
      </c>
      <c r="B225" s="1" t="s">
        <v>392</v>
      </c>
      <c r="C225" s="1" t="s">
        <v>254</v>
      </c>
      <c r="D225" s="1" t="s">
        <v>255</v>
      </c>
      <c r="E225" s="1"/>
      <c r="F225" s="2">
        <v>4</v>
      </c>
      <c r="G225" s="4">
        <v>1</v>
      </c>
      <c r="H225" s="1" t="s">
        <v>14</v>
      </c>
      <c r="I225" s="1" t="s">
        <v>256</v>
      </c>
      <c r="J225" s="1" t="s">
        <v>413</v>
      </c>
      <c r="K225" s="1" t="s">
        <v>414</v>
      </c>
      <c r="L225" s="3">
        <v>2000</v>
      </c>
      <c r="M225" s="7"/>
    </row>
    <row r="226" spans="1:13" x14ac:dyDescent="0.3">
      <c r="A226" s="5" t="s">
        <v>462</v>
      </c>
      <c r="B226" s="1" t="s">
        <v>392</v>
      </c>
      <c r="C226" s="1" t="s">
        <v>97</v>
      </c>
      <c r="D226" s="1" t="s">
        <v>98</v>
      </c>
      <c r="E226" s="1"/>
      <c r="F226" s="2">
        <v>4</v>
      </c>
      <c r="G226" s="4">
        <v>1</v>
      </c>
      <c r="H226" s="1" t="s">
        <v>14</v>
      </c>
      <c r="I226" s="1" t="s">
        <v>48</v>
      </c>
      <c r="J226" s="1" t="s">
        <v>415</v>
      </c>
      <c r="K226" s="1" t="s">
        <v>137</v>
      </c>
      <c r="L226" s="3">
        <v>2006</v>
      </c>
      <c r="M226" s="7"/>
    </row>
    <row r="227" spans="1:13" x14ac:dyDescent="0.3">
      <c r="A227" s="5" t="s">
        <v>462</v>
      </c>
      <c r="B227" s="1" t="s">
        <v>392</v>
      </c>
      <c r="C227" s="1" t="s">
        <v>16</v>
      </c>
      <c r="D227" s="1" t="s">
        <v>332</v>
      </c>
      <c r="E227" s="1"/>
      <c r="F227" s="2">
        <v>4</v>
      </c>
      <c r="G227" s="4">
        <v>1</v>
      </c>
      <c r="H227" s="1" t="s">
        <v>14</v>
      </c>
      <c r="I227" s="1" t="s">
        <v>18</v>
      </c>
      <c r="J227" s="1" t="s">
        <v>117</v>
      </c>
      <c r="K227" s="1" t="s">
        <v>416</v>
      </c>
      <c r="L227" s="3">
        <v>1976</v>
      </c>
      <c r="M227" s="7"/>
    </row>
    <row r="228" spans="1:13" x14ac:dyDescent="0.3">
      <c r="A228" s="5" t="s">
        <v>463</v>
      </c>
      <c r="B228" s="1" t="s">
        <v>417</v>
      </c>
      <c r="C228" s="1" t="s">
        <v>418</v>
      </c>
      <c r="D228" s="1" t="s">
        <v>419</v>
      </c>
      <c r="E228" s="1"/>
      <c r="F228" s="2">
        <v>4</v>
      </c>
      <c r="G228" s="4">
        <v>1</v>
      </c>
      <c r="H228" s="1" t="s">
        <v>14</v>
      </c>
      <c r="I228" s="1" t="s">
        <v>420</v>
      </c>
      <c r="J228" s="1" t="s">
        <v>421</v>
      </c>
      <c r="K228" s="1" t="s">
        <v>422</v>
      </c>
      <c r="L228" s="3">
        <v>1998</v>
      </c>
      <c r="M228" s="7" t="s">
        <v>469</v>
      </c>
    </row>
    <row r="229" spans="1:13" x14ac:dyDescent="0.3">
      <c r="A229" s="5" t="s">
        <v>463</v>
      </c>
      <c r="B229" s="1" t="s">
        <v>417</v>
      </c>
      <c r="C229" s="1" t="s">
        <v>71</v>
      </c>
      <c r="D229" s="1" t="s">
        <v>72</v>
      </c>
      <c r="E229" s="1"/>
      <c r="F229" s="2">
        <v>4</v>
      </c>
      <c r="G229" s="4">
        <v>5</v>
      </c>
      <c r="H229" s="1" t="s">
        <v>14</v>
      </c>
      <c r="I229" s="1" t="s">
        <v>309</v>
      </c>
      <c r="J229" s="1" t="s">
        <v>223</v>
      </c>
      <c r="K229" s="1" t="s">
        <v>58</v>
      </c>
      <c r="L229" s="3">
        <v>2003</v>
      </c>
      <c r="M229" s="7"/>
    </row>
    <row r="230" spans="1:13" x14ac:dyDescent="0.3">
      <c r="A230" s="5" t="s">
        <v>463</v>
      </c>
      <c r="B230" s="1" t="s">
        <v>417</v>
      </c>
      <c r="C230" s="1" t="s">
        <v>56</v>
      </c>
      <c r="D230" s="1" t="s">
        <v>57</v>
      </c>
      <c r="E230" s="1"/>
      <c r="F230" s="2">
        <v>1</v>
      </c>
      <c r="G230" s="4">
        <v>1</v>
      </c>
      <c r="H230" s="1" t="s">
        <v>14</v>
      </c>
      <c r="I230" s="1" t="s">
        <v>423</v>
      </c>
      <c r="J230" s="1" t="s">
        <v>424</v>
      </c>
      <c r="K230" s="1" t="s">
        <v>425</v>
      </c>
      <c r="L230" s="3">
        <v>2019</v>
      </c>
      <c r="M230" s="7"/>
    </row>
    <row r="231" spans="1:13" x14ac:dyDescent="0.3">
      <c r="A231" s="5" t="s">
        <v>463</v>
      </c>
      <c r="B231" s="1" t="s">
        <v>417</v>
      </c>
      <c r="C231" s="1" t="s">
        <v>51</v>
      </c>
      <c r="D231" s="1" t="s">
        <v>52</v>
      </c>
      <c r="E231" s="1"/>
      <c r="F231" s="2">
        <v>4</v>
      </c>
      <c r="G231" s="4">
        <v>11</v>
      </c>
      <c r="H231" s="1" t="s">
        <v>14</v>
      </c>
      <c r="I231" s="1" t="s">
        <v>54</v>
      </c>
      <c r="J231" s="1" t="s">
        <v>249</v>
      </c>
      <c r="K231" s="1"/>
      <c r="L231" s="3">
        <v>2000</v>
      </c>
      <c r="M231" s="7"/>
    </row>
    <row r="232" spans="1:13" x14ac:dyDescent="0.3">
      <c r="A232" s="5" t="s">
        <v>463</v>
      </c>
      <c r="B232" s="1" t="s">
        <v>417</v>
      </c>
      <c r="C232" s="1" t="s">
        <v>46</v>
      </c>
      <c r="D232" s="1" t="s">
        <v>47</v>
      </c>
      <c r="E232" s="1"/>
      <c r="F232" s="2">
        <v>2</v>
      </c>
      <c r="G232" s="4">
        <v>1</v>
      </c>
      <c r="H232" s="1" t="s">
        <v>14</v>
      </c>
      <c r="I232" s="1" t="s">
        <v>48</v>
      </c>
      <c r="J232" s="1" t="s">
        <v>124</v>
      </c>
      <c r="K232" s="1" t="s">
        <v>125</v>
      </c>
      <c r="L232" s="3">
        <v>2014</v>
      </c>
      <c r="M232" s="7"/>
    </row>
    <row r="233" spans="1:13" x14ac:dyDescent="0.3">
      <c r="A233" s="5" t="s">
        <v>463</v>
      </c>
      <c r="B233" s="1" t="s">
        <v>417</v>
      </c>
      <c r="C233" s="1" t="s">
        <v>46</v>
      </c>
      <c r="D233" s="1" t="s">
        <v>47</v>
      </c>
      <c r="E233" s="1"/>
      <c r="F233" s="2">
        <v>2</v>
      </c>
      <c r="G233" s="4">
        <v>1</v>
      </c>
      <c r="H233" s="1" t="s">
        <v>14</v>
      </c>
      <c r="I233" s="1" t="s">
        <v>48</v>
      </c>
      <c r="J233" s="1" t="s">
        <v>124</v>
      </c>
      <c r="K233" s="1" t="s">
        <v>125</v>
      </c>
      <c r="L233" s="3">
        <v>2013</v>
      </c>
      <c r="M233" s="7"/>
    </row>
    <row r="234" spans="1:13" x14ac:dyDescent="0.3">
      <c r="A234" s="5" t="s">
        <v>463</v>
      </c>
      <c r="B234" s="1" t="s">
        <v>417</v>
      </c>
      <c r="C234" s="1" t="s">
        <v>38</v>
      </c>
      <c r="D234" s="1" t="s">
        <v>39</v>
      </c>
      <c r="E234" s="1"/>
      <c r="F234" s="2">
        <v>1</v>
      </c>
      <c r="G234" s="4">
        <v>2</v>
      </c>
      <c r="H234" s="1" t="s">
        <v>14</v>
      </c>
      <c r="I234" s="1" t="s">
        <v>40</v>
      </c>
      <c r="J234" s="1" t="s">
        <v>41</v>
      </c>
      <c r="K234" s="1" t="s">
        <v>42</v>
      </c>
      <c r="L234" s="3">
        <v>2022</v>
      </c>
      <c r="M234" s="7"/>
    </row>
    <row r="235" spans="1:13" x14ac:dyDescent="0.3">
      <c r="A235" s="5" t="s">
        <v>463</v>
      </c>
      <c r="B235" s="1" t="s">
        <v>417</v>
      </c>
      <c r="C235" s="1" t="s">
        <v>35</v>
      </c>
      <c r="D235" s="1" t="s">
        <v>36</v>
      </c>
      <c r="E235" s="1"/>
      <c r="F235" s="2">
        <v>4</v>
      </c>
      <c r="G235" s="4">
        <v>496</v>
      </c>
      <c r="H235" s="1" t="s">
        <v>13</v>
      </c>
      <c r="I235" s="1" t="s">
        <v>29</v>
      </c>
      <c r="J235" s="1" t="s">
        <v>248</v>
      </c>
      <c r="K235" s="1"/>
      <c r="L235" s="3">
        <v>2000</v>
      </c>
      <c r="M235" s="7"/>
    </row>
    <row r="236" spans="1:13" x14ac:dyDescent="0.3">
      <c r="A236" s="5" t="s">
        <v>463</v>
      </c>
      <c r="B236" s="1" t="s">
        <v>417</v>
      </c>
      <c r="C236" s="1" t="s">
        <v>81</v>
      </c>
      <c r="D236" s="1" t="s">
        <v>82</v>
      </c>
      <c r="E236" s="1"/>
      <c r="F236" s="2">
        <v>1</v>
      </c>
      <c r="G236" s="4">
        <v>1</v>
      </c>
      <c r="H236" s="1" t="s">
        <v>14</v>
      </c>
      <c r="I236" s="1" t="s">
        <v>119</v>
      </c>
      <c r="J236" s="1" t="s">
        <v>426</v>
      </c>
      <c r="K236" s="1" t="s">
        <v>427</v>
      </c>
      <c r="L236" s="3">
        <v>2014</v>
      </c>
      <c r="M236" s="7"/>
    </row>
    <row r="237" spans="1:13" x14ac:dyDescent="0.3">
      <c r="A237" s="5" t="s">
        <v>463</v>
      </c>
      <c r="B237" s="1" t="s">
        <v>417</v>
      </c>
      <c r="C237" s="1" t="s">
        <v>97</v>
      </c>
      <c r="D237" s="1" t="s">
        <v>98</v>
      </c>
      <c r="E237" s="1"/>
      <c r="F237" s="2">
        <v>4</v>
      </c>
      <c r="G237" s="4">
        <v>1</v>
      </c>
      <c r="H237" s="1" t="s">
        <v>14</v>
      </c>
      <c r="I237" s="1" t="s">
        <v>48</v>
      </c>
      <c r="J237" s="1" t="s">
        <v>428</v>
      </c>
      <c r="K237" s="1" t="s">
        <v>429</v>
      </c>
      <c r="L237" s="3">
        <v>2002</v>
      </c>
      <c r="M237" s="7"/>
    </row>
    <row r="238" spans="1:13" x14ac:dyDescent="0.3">
      <c r="A238" s="5" t="s">
        <v>463</v>
      </c>
      <c r="B238" s="1" t="s">
        <v>417</v>
      </c>
      <c r="C238" s="1" t="s">
        <v>86</v>
      </c>
      <c r="D238" s="1" t="s">
        <v>235</v>
      </c>
      <c r="E238" s="1"/>
      <c r="F238" s="2">
        <v>2</v>
      </c>
      <c r="G238" s="4">
        <v>1</v>
      </c>
      <c r="H238" s="1" t="s">
        <v>14</v>
      </c>
      <c r="I238" s="1" t="s">
        <v>224</v>
      </c>
      <c r="J238" s="1" t="s">
        <v>430</v>
      </c>
      <c r="K238" s="1" t="s">
        <v>431</v>
      </c>
      <c r="L238" s="3">
        <v>2014</v>
      </c>
      <c r="M238" s="7"/>
    </row>
    <row r="239" spans="1:13" x14ac:dyDescent="0.3">
      <c r="A239" s="5" t="s">
        <v>463</v>
      </c>
      <c r="B239" s="1" t="s">
        <v>417</v>
      </c>
      <c r="C239" s="1" t="s">
        <v>86</v>
      </c>
      <c r="D239" s="1" t="s">
        <v>235</v>
      </c>
      <c r="E239" s="1"/>
      <c r="F239" s="2">
        <v>2</v>
      </c>
      <c r="G239" s="4">
        <v>1</v>
      </c>
      <c r="H239" s="1" t="s">
        <v>14</v>
      </c>
      <c r="I239" s="1" t="s">
        <v>224</v>
      </c>
      <c r="J239" s="1" t="s">
        <v>95</v>
      </c>
      <c r="K239" s="1" t="s">
        <v>432</v>
      </c>
      <c r="L239" s="3">
        <v>2014</v>
      </c>
      <c r="M239" s="7"/>
    </row>
    <row r="240" spans="1:13" x14ac:dyDescent="0.3">
      <c r="A240" s="5" t="s">
        <v>464</v>
      </c>
      <c r="B240" s="1" t="s">
        <v>433</v>
      </c>
      <c r="C240" s="1" t="s">
        <v>71</v>
      </c>
      <c r="D240" s="1" t="s">
        <v>72</v>
      </c>
      <c r="E240" s="1"/>
      <c r="F240" s="2">
        <v>4</v>
      </c>
      <c r="G240" s="4">
        <v>2</v>
      </c>
      <c r="H240" s="1" t="s">
        <v>14</v>
      </c>
      <c r="I240" s="1" t="s">
        <v>228</v>
      </c>
      <c r="J240" s="1" t="s">
        <v>284</v>
      </c>
      <c r="K240" s="1" t="s">
        <v>58</v>
      </c>
      <c r="L240" s="3">
        <v>2010</v>
      </c>
      <c r="M240" s="7"/>
    </row>
    <row r="241" spans="1:13" x14ac:dyDescent="0.3">
      <c r="A241" s="5" t="s">
        <v>464</v>
      </c>
      <c r="B241" s="1" t="s">
        <v>433</v>
      </c>
      <c r="C241" s="1" t="s">
        <v>56</v>
      </c>
      <c r="D241" s="1" t="s">
        <v>57</v>
      </c>
      <c r="E241" s="1"/>
      <c r="F241" s="2">
        <v>3</v>
      </c>
      <c r="G241" s="4">
        <v>1</v>
      </c>
      <c r="H241" s="1" t="s">
        <v>14</v>
      </c>
      <c r="I241" s="1" t="s">
        <v>434</v>
      </c>
      <c r="J241" s="1" t="s">
        <v>435</v>
      </c>
      <c r="K241" s="1" t="s">
        <v>436</v>
      </c>
      <c r="L241" s="3">
        <v>2010</v>
      </c>
      <c r="M241" s="7"/>
    </row>
    <row r="242" spans="1:13" x14ac:dyDescent="0.3">
      <c r="A242" s="5" t="s">
        <v>464</v>
      </c>
      <c r="B242" s="1" t="s">
        <v>433</v>
      </c>
      <c r="C242" s="1" t="s">
        <v>51</v>
      </c>
      <c r="D242" s="6" t="s">
        <v>52</v>
      </c>
      <c r="E242" s="1"/>
      <c r="F242" s="2">
        <v>4</v>
      </c>
      <c r="G242" s="4">
        <v>3</v>
      </c>
      <c r="H242" s="1" t="s">
        <v>14</v>
      </c>
      <c r="I242" s="1" t="s">
        <v>54</v>
      </c>
      <c r="J242" s="1" t="s">
        <v>287</v>
      </c>
      <c r="K242" s="1"/>
      <c r="L242" s="3">
        <v>1962</v>
      </c>
      <c r="M242" s="7"/>
    </row>
    <row r="243" spans="1:13" x14ac:dyDescent="0.3">
      <c r="A243" s="5" t="s">
        <v>464</v>
      </c>
      <c r="B243" s="1" t="s">
        <v>433</v>
      </c>
      <c r="C243" s="1" t="s">
        <v>35</v>
      </c>
      <c r="D243" s="1" t="s">
        <v>36</v>
      </c>
      <c r="E243" s="1"/>
      <c r="F243" s="2">
        <v>4</v>
      </c>
      <c r="G243" s="4">
        <v>110</v>
      </c>
      <c r="H243" s="1" t="s">
        <v>13</v>
      </c>
      <c r="I243" s="1" t="s">
        <v>29</v>
      </c>
      <c r="J243" s="1" t="s">
        <v>248</v>
      </c>
      <c r="K243" s="1"/>
      <c r="L243" s="3">
        <v>1962</v>
      </c>
      <c r="M243" s="7"/>
    </row>
    <row r="244" spans="1:13" x14ac:dyDescent="0.3">
      <c r="A244" s="5" t="s">
        <v>464</v>
      </c>
      <c r="B244" s="1" t="s">
        <v>433</v>
      </c>
      <c r="C244" s="1" t="s">
        <v>245</v>
      </c>
      <c r="D244" s="1" t="s">
        <v>246</v>
      </c>
      <c r="E244" s="1"/>
      <c r="F244" s="2">
        <v>3</v>
      </c>
      <c r="G244" s="4">
        <v>1</v>
      </c>
      <c r="H244" s="1" t="s">
        <v>262</v>
      </c>
      <c r="I244" s="1" t="s">
        <v>437</v>
      </c>
      <c r="J244" s="1" t="s">
        <v>438</v>
      </c>
      <c r="K244" s="1" t="s">
        <v>439</v>
      </c>
      <c r="L244" s="3">
        <v>2010</v>
      </c>
      <c r="M244" s="7"/>
    </row>
    <row r="245" spans="1:13" x14ac:dyDescent="0.3">
      <c r="A245" s="5" t="s">
        <v>464</v>
      </c>
      <c r="B245" s="1" t="s">
        <v>433</v>
      </c>
      <c r="C245" s="1" t="s">
        <v>245</v>
      </c>
      <c r="D245" s="1" t="s">
        <v>246</v>
      </c>
      <c r="E245" s="1"/>
      <c r="F245" s="2">
        <v>3</v>
      </c>
      <c r="G245" s="4">
        <v>1</v>
      </c>
      <c r="H245" s="1" t="s">
        <v>262</v>
      </c>
      <c r="I245" s="1" t="s">
        <v>437</v>
      </c>
      <c r="J245" s="1" t="s">
        <v>438</v>
      </c>
      <c r="K245" s="1" t="s">
        <v>439</v>
      </c>
      <c r="L245" s="3">
        <v>2010</v>
      </c>
      <c r="M245" s="7"/>
    </row>
    <row r="246" spans="1:13" x14ac:dyDescent="0.3">
      <c r="A246" s="5" t="s">
        <v>464</v>
      </c>
      <c r="B246" s="1" t="s">
        <v>433</v>
      </c>
      <c r="C246" s="1" t="s">
        <v>245</v>
      </c>
      <c r="D246" s="1" t="s">
        <v>246</v>
      </c>
      <c r="E246" s="1"/>
      <c r="F246" s="2">
        <v>3</v>
      </c>
      <c r="G246" s="4">
        <v>1</v>
      </c>
      <c r="H246" s="1" t="s">
        <v>14</v>
      </c>
      <c r="I246" s="1" t="s">
        <v>437</v>
      </c>
      <c r="J246" s="1" t="s">
        <v>438</v>
      </c>
      <c r="K246" s="1" t="s">
        <v>439</v>
      </c>
      <c r="L246" s="3">
        <v>2010</v>
      </c>
      <c r="M246" s="7"/>
    </row>
    <row r="247" spans="1:13" x14ac:dyDescent="0.3">
      <c r="A247" s="5" t="s">
        <v>464</v>
      </c>
      <c r="B247" s="1" t="s">
        <v>433</v>
      </c>
      <c r="C247" s="1" t="s">
        <v>254</v>
      </c>
      <c r="D247" s="1" t="s">
        <v>255</v>
      </c>
      <c r="E247" s="1"/>
      <c r="F247" s="2">
        <v>4</v>
      </c>
      <c r="G247" s="4">
        <v>1</v>
      </c>
      <c r="H247" s="1" t="s">
        <v>14</v>
      </c>
      <c r="I247" s="1" t="s">
        <v>256</v>
      </c>
      <c r="J247" s="1" t="s">
        <v>440</v>
      </c>
      <c r="K247" s="1" t="s">
        <v>303</v>
      </c>
      <c r="L247" s="3">
        <v>2009</v>
      </c>
      <c r="M247" s="7"/>
    </row>
  </sheetData>
  <autoFilter ref="A1:M247" xr:uid="{6CF04D33-8B8E-4B9C-8D47-1C0C79DC9C4F}"/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{"propertyName":"creator","propertyValue":"{{UserProfile.Name}}","disableUpdates":false,"type":"documentProperty"},{"propertyName":"company","propertyValue":"{{UserProfile.Company.LegalName}}","disableUpdates":false,"type":"documentProperty"}],"templateName":"new_Vebego basic","templateDescription":"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d6353087-664d-4629-a48b-239a28ec2db2">
      <Terms xmlns="http://schemas.microsoft.com/office/infopath/2007/PartnerControls"/>
    </lcf76f155ced4ddcb4097134ff3c332f>
    <TaxCatchAll xmlns="3fdb00d0-4381-4fd2-8b1a-74325b080b0b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5B9B37C4AA8BC4AB3C82BB1603C3764" ma:contentTypeVersion="13" ma:contentTypeDescription="Een nieuw document maken." ma:contentTypeScope="" ma:versionID="0f650a0687e48272facfffd3256df098">
  <xsd:schema xmlns:xsd="http://www.w3.org/2001/XMLSchema" xmlns:xs="http://www.w3.org/2001/XMLSchema" xmlns:p="http://schemas.microsoft.com/office/2006/metadata/properties" xmlns:ns2="d6353087-664d-4629-a48b-239a28ec2db2" xmlns:ns3="3fdb00d0-4381-4fd2-8b1a-74325b080b0b" targetNamespace="http://schemas.microsoft.com/office/2006/metadata/properties" ma:root="true" ma:fieldsID="25ac7a711fa218961dbed45f16328d86" ns2:_="" ns3:_="">
    <xsd:import namespace="d6353087-664d-4629-a48b-239a28ec2db2"/>
    <xsd:import namespace="3fdb00d0-4381-4fd2-8b1a-74325b080b0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6353087-664d-4629-a48b-239a28ec2db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3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5" nillable="true" ma:taxonomy="true" ma:internalName="lcf76f155ced4ddcb4097134ff3c332f" ma:taxonomyFieldName="MediaServiceImageTags" ma:displayName="Afbeeldingtags" ma:readOnly="false" ma:fieldId="{5cf76f15-5ced-4ddc-b409-7134ff3c332f}" ma:taxonomyMulti="true" ma:sspId="b41d1a57-3e80-4198-a92f-97e426ee955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2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db00d0-4381-4fd2-8b1a-74325b080b0b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e2560d7a-6f63-4273-8051-7cda3801a6a6}" ma:internalName="TaxCatchAll" ma:showField="CatchAllData" ma:web="3fdb00d0-4381-4fd2-8b1a-74325b080b0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DAB78377-9668-4567-8170-411134AA4624}">
  <ds:schemaRefs/>
</ds:datastoreItem>
</file>

<file path=customXml/itemProps2.xml><?xml version="1.0" encoding="utf-8"?>
<ds:datastoreItem xmlns:ds="http://schemas.openxmlformats.org/officeDocument/2006/customXml" ds:itemID="{E89364F4-CF8D-4D25-9B06-6522F420C54C}">
  <ds:schemaRefs/>
</ds:datastoreItem>
</file>

<file path=customXml/itemProps3.xml><?xml version="1.0" encoding="utf-8"?>
<ds:datastoreItem xmlns:ds="http://schemas.openxmlformats.org/officeDocument/2006/customXml" ds:itemID="{AA0824A2-AFA9-4F6C-B706-CD055DC3DA37}">
  <ds:schemaRefs>
    <ds:schemaRef ds:uri="http://www.w3.org/XML/1998/namespace"/>
    <ds:schemaRef ds:uri="http://schemas.microsoft.com/office/2006/metadata/properties"/>
    <ds:schemaRef ds:uri="http://purl.org/dc/terms/"/>
    <ds:schemaRef ds:uri="http://purl.org/dc/elements/1.1/"/>
    <ds:schemaRef ds:uri="3fdb00d0-4381-4fd2-8b1a-74325b080b0b"/>
    <ds:schemaRef ds:uri="http://purl.org/dc/dcmitype/"/>
    <ds:schemaRef ds:uri="d6353087-664d-4629-a48b-239a28ec2db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</ds:schemaRefs>
</ds:datastoreItem>
</file>

<file path=customXml/itemProps4.xml><?xml version="1.0" encoding="utf-8"?>
<ds:datastoreItem xmlns:ds="http://schemas.openxmlformats.org/officeDocument/2006/customXml" ds:itemID="{9C6A394E-29E3-4DB6-8395-57A2242076A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FD5B68A6-057D-4CFB-B82B-5718C8000CD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6353087-664d-4629-a48b-239a28ec2db2"/>
    <ds:schemaRef ds:uri="3fdb00d0-4381-4fd2-8b1a-74325b080b0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4" baseType="variant">
      <vt:variant>
        <vt:lpstr>Werkbladen</vt:lpstr>
      </vt:variant>
      <vt:variant>
        <vt:i4>1</vt:i4>
      </vt:variant>
      <vt:variant>
        <vt:lpstr>Benoemde bereiken</vt:lpstr>
      </vt:variant>
      <vt:variant>
        <vt:i4>1</vt:i4>
      </vt:variant>
    </vt:vector>
  </HeadingPairs>
  <TitlesOfParts>
    <vt:vector size="2" baseType="lpstr">
      <vt:lpstr>Installatiegegevens</vt:lpstr>
      <vt:lpstr>Installatiegegevens!_FilterDatabase</vt:lpstr>
    </vt:vector>
  </TitlesOfParts>
  <Company>Vebego Facility Solutions B.V.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Xander Narinx</dc:creator>
  <cp:lastModifiedBy>Xander Narinx</cp:lastModifiedBy>
  <dcterms:created xsi:type="dcterms:W3CDTF">2023-12-21T07:45:32Z</dcterms:created>
  <dcterms:modified xsi:type="dcterms:W3CDTF">2024-01-02T14:05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bego</vt:lpwstr>
  </property>
  <property fmtid="{D5CDD505-2E9C-101B-9397-08002B2CF9AE}" pid="3" name="TemplafyTemplateId">
    <vt:lpwstr>638107790922381917</vt:lpwstr>
  </property>
  <property fmtid="{D5CDD505-2E9C-101B-9397-08002B2CF9AE}" pid="4" name="TemplafyUserProfileId">
    <vt:lpwstr>783324091157054008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MSIP_Label_37825b71-47c0-435a-9b2e-d0e73d785064_Enabled">
    <vt:lpwstr>true</vt:lpwstr>
  </property>
  <property fmtid="{D5CDD505-2E9C-101B-9397-08002B2CF9AE}" pid="8" name="MSIP_Label_37825b71-47c0-435a-9b2e-d0e73d785064_SetDate">
    <vt:lpwstr>2023-12-29T15:36:39Z</vt:lpwstr>
  </property>
  <property fmtid="{D5CDD505-2E9C-101B-9397-08002B2CF9AE}" pid="9" name="MSIP_Label_37825b71-47c0-435a-9b2e-d0e73d785064_Method">
    <vt:lpwstr>Standard</vt:lpwstr>
  </property>
  <property fmtid="{D5CDD505-2E9C-101B-9397-08002B2CF9AE}" pid="10" name="MSIP_Label_37825b71-47c0-435a-9b2e-d0e73d785064_Name">
    <vt:lpwstr>Internal</vt:lpwstr>
  </property>
  <property fmtid="{D5CDD505-2E9C-101B-9397-08002B2CF9AE}" pid="11" name="MSIP_Label_37825b71-47c0-435a-9b2e-d0e73d785064_SiteId">
    <vt:lpwstr>66f0a000-775c-40de-8eff-942c9ca690c8</vt:lpwstr>
  </property>
  <property fmtid="{D5CDD505-2E9C-101B-9397-08002B2CF9AE}" pid="12" name="MSIP_Label_37825b71-47c0-435a-9b2e-d0e73d785064_ActionId">
    <vt:lpwstr>31cc1110-5731-48bf-b97f-cccb6e6e5f44</vt:lpwstr>
  </property>
  <property fmtid="{D5CDD505-2E9C-101B-9397-08002B2CF9AE}" pid="13" name="MSIP_Label_37825b71-47c0-435a-9b2e-d0e73d785064_ContentBits">
    <vt:lpwstr>0</vt:lpwstr>
  </property>
  <property fmtid="{D5CDD505-2E9C-101B-9397-08002B2CF9AE}" pid="14" name="ContentTypeId">
    <vt:lpwstr>0x01010095B9B37C4AA8BC4AB3C82BB1603C3764</vt:lpwstr>
  </property>
  <property fmtid="{D5CDD505-2E9C-101B-9397-08002B2CF9AE}" pid="15" name="MediaServiceImageTags">
    <vt:lpwstr/>
  </property>
</Properties>
</file>